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5　基幹統計\01国勢調査\R2国勢調査\９０結果公表\確報\①人口等基本集計\05不詳補完\01起案、掲載用\統計表\"/>
    </mc:Choice>
  </mc:AlternateContent>
  <bookViews>
    <workbookView xWindow="0" yWindow="0" windowWidth="19200" windowHeight="11070"/>
  </bookViews>
  <sheets>
    <sheet name="R2不詳補完値目次" sheetId="1" r:id="rId1"/>
    <sheet name="R2第１－３表" sheetId="16" r:id="rId2"/>
    <sheet name="R2第1－4表" sheetId="17" r:id="rId3"/>
    <sheet name="R２第２－１表" sheetId="18" r:id="rId4"/>
    <sheet name="R2第２－２表" sheetId="19" r:id="rId5"/>
    <sheet name="R2第２－３表" sheetId="20" r:id="rId6"/>
    <sheet name="R2第2－4表" sheetId="21" r:id="rId7"/>
    <sheet name="H27不詳補完値目次" sheetId="23" r:id="rId8"/>
    <sheet name="H27第１－３表" sheetId="24" r:id="rId9"/>
    <sheet name="H27第1－4表" sheetId="25" r:id="rId10"/>
    <sheet name="H27第2－1表" sheetId="26" r:id="rId11"/>
    <sheet name="H27第2－2表" sheetId="27" r:id="rId12"/>
    <sheet name="H27第２－3表" sheetId="28" r:id="rId13"/>
    <sheet name="H27第２－4表" sheetId="29" r:id="rId14"/>
  </sheets>
  <definedNames>
    <definedName name="_xlnm._FilterDatabase" localSheetId="8" hidden="1">'H27第１－３表'!$A$10:$DK$16</definedName>
    <definedName name="_xlnm._FilterDatabase" localSheetId="9" hidden="1">'H27第1－4表'!$A$10:$AQ$16</definedName>
    <definedName name="_xlnm._FilterDatabase" localSheetId="10" hidden="1">'H27第2－1表'!$A$10:$CU$40</definedName>
    <definedName name="_xlnm._FilterDatabase" localSheetId="11" hidden="1">'H27第2－2表'!$A$10:$CT$34</definedName>
    <definedName name="_xlnm._FilterDatabase" localSheetId="12" hidden="1">'H27第２－3表'!$A$10:$AE$40</definedName>
    <definedName name="_xlnm._FilterDatabase" localSheetId="13" hidden="1">'H27第２－4表'!$A$10:$AD$34</definedName>
    <definedName name="_xlnm._FilterDatabase" localSheetId="1" hidden="1">'R2第１－３表'!$A$10:$DK$16</definedName>
    <definedName name="_xlnm._FilterDatabase" localSheetId="2" hidden="1">'R2第1－4表'!$A$10:$AQ$16</definedName>
    <definedName name="_xlnm._FilterDatabase" localSheetId="3" hidden="1">'R２第２－１表'!$A$10:$CU$40</definedName>
    <definedName name="_xlnm._FilterDatabase" localSheetId="4" hidden="1">'R2第２－２表'!$A$10:$CT$34</definedName>
    <definedName name="_xlnm._FilterDatabase" localSheetId="5" hidden="1">'R2第２－３表'!$A$10:$AE$40</definedName>
    <definedName name="_xlnm._FilterDatabase" localSheetId="6" hidden="1">'R2第2－4表'!$A$10:$AD$34</definedName>
    <definedName name="_xlnm.Print_Area" localSheetId="7">H27不詳補完値目次!$A$1:$K$12</definedName>
    <definedName name="_xlnm.Print_Area" localSheetId="0">'R2不詳補完値目次'!$A$1:$K$12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66" uniqueCount="368">
  <si>
    <t>表番号</t>
    <rPh sb="0" eb="1">
      <t>ヒョウ</t>
    </rPh>
    <rPh sb="1" eb="3">
      <t>バンゴウ</t>
    </rPh>
    <phoneticPr fontId="3"/>
  </si>
  <si>
    <t>統計表</t>
    <rPh sb="0" eb="3">
      <t>トウケイヒョウ</t>
    </rPh>
    <phoneticPr fontId="3"/>
  </si>
  <si>
    <t>地域名</t>
  </si>
  <si>
    <t>0_総数</t>
  </si>
  <si>
    <t>2_女</t>
  </si>
  <si>
    <t>1_男</t>
  </si>
  <si>
    <t>男女</t>
  </si>
  <si>
    <t>人口</t>
  </si>
  <si>
    <t>1_うち日本人</t>
  </si>
  <si>
    <t>0_国籍総数</t>
  </si>
  <si>
    <t>国籍総数か日本人</t>
  </si>
  <si>
    <t>R6_（再掲）20～69歳</t>
  </si>
  <si>
    <t>R5_（再掲）85歳以上</t>
  </si>
  <si>
    <t>R4_（再掲）75歳以上</t>
  </si>
  <si>
    <t>R3_（再掲）65歳以上</t>
  </si>
  <si>
    <t>R2_（再掲）15～64歳</t>
  </si>
  <si>
    <t>R1_（再掲）15歳未満</t>
  </si>
  <si>
    <t>101_100歳以上</t>
  </si>
  <si>
    <t>100_99歳</t>
  </si>
  <si>
    <t>099_98歳</t>
  </si>
  <si>
    <t>098_97歳</t>
  </si>
  <si>
    <t>097_96歳</t>
  </si>
  <si>
    <t>096_95歳</t>
  </si>
  <si>
    <t>095_94歳</t>
  </si>
  <si>
    <t>094_93歳</t>
  </si>
  <si>
    <t>093_92歳</t>
  </si>
  <si>
    <t>092_91歳</t>
  </si>
  <si>
    <t>091_90歳</t>
  </si>
  <si>
    <t>090_89歳</t>
  </si>
  <si>
    <t>089_88歳</t>
  </si>
  <si>
    <t>088_87歳</t>
  </si>
  <si>
    <t>087_86歳</t>
  </si>
  <si>
    <t>086_85歳</t>
  </si>
  <si>
    <t>085_84歳</t>
  </si>
  <si>
    <t>084_83歳</t>
  </si>
  <si>
    <t>083_82歳</t>
  </si>
  <si>
    <t>082_81歳</t>
  </si>
  <si>
    <t>081_80歳</t>
  </si>
  <si>
    <t>080_79歳</t>
  </si>
  <si>
    <t>079_78歳</t>
  </si>
  <si>
    <t>078_77歳</t>
  </si>
  <si>
    <t>077_76歳</t>
  </si>
  <si>
    <t>076_75歳</t>
  </si>
  <si>
    <t>075_74歳</t>
  </si>
  <si>
    <t>074_73歳</t>
  </si>
  <si>
    <t>073_72歳</t>
  </si>
  <si>
    <t>072_71歳</t>
  </si>
  <si>
    <t>071_70歳</t>
  </si>
  <si>
    <t>070_69歳</t>
  </si>
  <si>
    <t>069_68歳</t>
  </si>
  <si>
    <t>068_67歳</t>
  </si>
  <si>
    <t>067_66歳</t>
  </si>
  <si>
    <t>066_65歳</t>
  </si>
  <si>
    <t>065_64歳</t>
  </si>
  <si>
    <t>064_63歳</t>
  </si>
  <si>
    <t>063_62歳</t>
  </si>
  <si>
    <t>062_61歳</t>
  </si>
  <si>
    <t>061_60歳</t>
  </si>
  <si>
    <t>060_59歳</t>
  </si>
  <si>
    <t>059_58歳</t>
  </si>
  <si>
    <t>058_57歳</t>
  </si>
  <si>
    <t>057_56歳</t>
  </si>
  <si>
    <t>056_55歳</t>
  </si>
  <si>
    <t>055_54歳</t>
  </si>
  <si>
    <t>054_53歳</t>
  </si>
  <si>
    <t>053_52歳</t>
  </si>
  <si>
    <t>052_51歳</t>
  </si>
  <si>
    <t>051_50歳</t>
  </si>
  <si>
    <t>050_49歳</t>
  </si>
  <si>
    <t>049_48歳</t>
  </si>
  <si>
    <t>048_47歳</t>
  </si>
  <si>
    <t>047_46歳</t>
  </si>
  <si>
    <t>046_45歳</t>
  </si>
  <si>
    <t>045_44歳</t>
  </si>
  <si>
    <t>044_43歳</t>
  </si>
  <si>
    <t>043_42歳</t>
  </si>
  <si>
    <t>042_41歳</t>
  </si>
  <si>
    <t>041_40歳</t>
  </si>
  <si>
    <t>040_39歳</t>
  </si>
  <si>
    <t>039_38歳</t>
  </si>
  <si>
    <t>038_37歳</t>
  </si>
  <si>
    <t>037_36歳</t>
  </si>
  <si>
    <t>036_35歳</t>
  </si>
  <si>
    <t>035_34歳</t>
  </si>
  <si>
    <t>034_33歳</t>
  </si>
  <si>
    <t>033_32歳</t>
  </si>
  <si>
    <t>032_31歳</t>
  </si>
  <si>
    <t>031_30歳</t>
  </si>
  <si>
    <t>030_29歳</t>
  </si>
  <si>
    <t>029_28歳</t>
  </si>
  <si>
    <t>028_27歳</t>
  </si>
  <si>
    <t>027_26歳</t>
  </si>
  <si>
    <t>026_25歳</t>
  </si>
  <si>
    <t>025_24歳</t>
  </si>
  <si>
    <t>024_23歳</t>
  </si>
  <si>
    <t>023_22歳</t>
  </si>
  <si>
    <t>022_21歳</t>
  </si>
  <si>
    <t>021_20歳</t>
  </si>
  <si>
    <t>020_19歳</t>
  </si>
  <si>
    <t>019_18歳</t>
  </si>
  <si>
    <t>018_17歳</t>
  </si>
  <si>
    <t>017_16歳</t>
  </si>
  <si>
    <t>016_15歳</t>
  </si>
  <si>
    <t>015_14歳</t>
  </si>
  <si>
    <t>014_13歳</t>
  </si>
  <si>
    <t>013_12歳</t>
  </si>
  <si>
    <t>012_11歳</t>
  </si>
  <si>
    <t>011_10歳</t>
  </si>
  <si>
    <t>010_9歳</t>
  </si>
  <si>
    <t>009_8歳</t>
  </si>
  <si>
    <t>008_7歳</t>
  </si>
  <si>
    <t>007_6歳</t>
  </si>
  <si>
    <t>006_5歳</t>
  </si>
  <si>
    <t>005_4歳</t>
  </si>
  <si>
    <t>004_3歳</t>
  </si>
  <si>
    <t>003_2歳</t>
  </si>
  <si>
    <t>002_1歳</t>
  </si>
  <si>
    <t>001_0歳</t>
  </si>
  <si>
    <t>000_総数</t>
  </si>
  <si>
    <t>年齢</t>
  </si>
  <si>
    <t>年齢中位数</t>
  </si>
  <si>
    <t>平均年齢</t>
  </si>
  <si>
    <t>R5_（再掲）20～69歳</t>
  </si>
  <si>
    <t>R4_（再掲）100歳以上</t>
  </si>
  <si>
    <t>R3_（再掲）85歳以上</t>
  </si>
  <si>
    <t>R2_（再掲）75歳以上</t>
  </si>
  <si>
    <t>R1_（再掲）60歳以上</t>
  </si>
  <si>
    <t>3_65歳以上</t>
  </si>
  <si>
    <t>2_15～64歳</t>
  </si>
  <si>
    <t>1_15歳未満</t>
  </si>
  <si>
    <t>21_100歳以上</t>
  </si>
  <si>
    <t>20_95～99歳</t>
  </si>
  <si>
    <t>19_90～94歳</t>
  </si>
  <si>
    <t>18_85～89歳</t>
  </si>
  <si>
    <t>17_80～84歳</t>
  </si>
  <si>
    <t>16_75～79歳</t>
  </si>
  <si>
    <t>15_70～74歳</t>
  </si>
  <si>
    <t>14_65～69歳</t>
  </si>
  <si>
    <t>13_60～64歳</t>
  </si>
  <si>
    <t>12_55～59歳</t>
  </si>
  <si>
    <t>11_50～54歳</t>
  </si>
  <si>
    <t>10_45～49歳</t>
  </si>
  <si>
    <t>09_40～44歳</t>
  </si>
  <si>
    <t>08_35～39歳</t>
  </si>
  <si>
    <t>07_30～34歳</t>
  </si>
  <si>
    <t>06_25～29歳</t>
  </si>
  <si>
    <t>05_20～24歳</t>
  </si>
  <si>
    <t>04_15～19歳</t>
  </si>
  <si>
    <t>03_10～14歳</t>
  </si>
  <si>
    <t>02_5～9歳</t>
  </si>
  <si>
    <t>01_0～4歳</t>
  </si>
  <si>
    <t>00_総数</t>
  </si>
  <si>
    <t>人口構成比［年齢別］</t>
  </si>
  <si>
    <t>16201_富山市</t>
  </si>
  <si>
    <t>4_離別</t>
  </si>
  <si>
    <t>3_死別</t>
  </si>
  <si>
    <t>2_有配偶</t>
  </si>
  <si>
    <t>1_未婚</t>
  </si>
  <si>
    <t>配偶関係</t>
  </si>
  <si>
    <t>R4_（再掲）85歳以上</t>
  </si>
  <si>
    <t>R3_（再掲）75歳以上</t>
  </si>
  <si>
    <t>R2_（再掲）65歳以上</t>
  </si>
  <si>
    <t>R1_（再掲）15～64歳</t>
  </si>
  <si>
    <t>18_100歳以上</t>
  </si>
  <si>
    <t>17_95～99歳</t>
  </si>
  <si>
    <t>16_90～94歳</t>
  </si>
  <si>
    <t>15_85～89歳</t>
  </si>
  <si>
    <t>14_80～84歳</t>
  </si>
  <si>
    <t>13_75～79歳</t>
  </si>
  <si>
    <t>12_70～74歳</t>
  </si>
  <si>
    <t>11_65～69歳</t>
  </si>
  <si>
    <t>10_60～64歳</t>
  </si>
  <si>
    <t>09_55～59歳</t>
  </si>
  <si>
    <t>08_50～54歳</t>
  </si>
  <si>
    <t>07_45～49歳</t>
  </si>
  <si>
    <t>06_40～44歳</t>
  </si>
  <si>
    <t>05_35～39歳</t>
  </si>
  <si>
    <t>04_30～34歳</t>
  </si>
  <si>
    <t>03_25～29歳</t>
  </si>
  <si>
    <t>02_20～24歳</t>
  </si>
  <si>
    <t>01_15～19歳</t>
  </si>
  <si>
    <t>令和2年国勢調査 人口等基本集計(不詳補完値）統計表一覧（富山市分）</t>
    <rPh sb="0" eb="2">
      <t>レイワ</t>
    </rPh>
    <rPh sb="9" eb="12">
      <t>ジンコウナド</t>
    </rPh>
    <rPh sb="17" eb="19">
      <t>フショウ</t>
    </rPh>
    <rPh sb="19" eb="21">
      <t>ホカン</t>
    </rPh>
    <rPh sb="21" eb="22">
      <t>チ</t>
    </rPh>
    <rPh sb="23" eb="26">
      <t>トウケイヒョウ</t>
    </rPh>
    <rPh sb="26" eb="28">
      <t>イチラン</t>
    </rPh>
    <rPh sb="29" eb="32">
      <t>トヤマシ</t>
    </rPh>
    <rPh sb="32" eb="33">
      <t>ブン</t>
    </rPh>
    <phoneticPr fontId="4"/>
  </si>
  <si>
    <t>［年齢・国籍（日本人・外国人の別）・配偶関係の不詳補完］</t>
    <rPh sb="1" eb="3">
      <t>ネンレイ</t>
    </rPh>
    <rPh sb="4" eb="6">
      <t>コクセキ</t>
    </rPh>
    <rPh sb="7" eb="10">
      <t>ニホンジン</t>
    </rPh>
    <rPh sb="11" eb="14">
      <t>ガイコクジン</t>
    </rPh>
    <rPh sb="15" eb="16">
      <t>ベツ</t>
    </rPh>
    <rPh sb="18" eb="22">
      <t>ハイグウカンケイ</t>
    </rPh>
    <rPh sb="23" eb="25">
      <t>フショウ</t>
    </rPh>
    <rPh sb="25" eb="27">
      <t>ホカン</t>
    </rPh>
    <phoneticPr fontId="3"/>
  </si>
  <si>
    <t>第１－３表</t>
    <phoneticPr fontId="3"/>
  </si>
  <si>
    <t>第1－４表</t>
    <rPh sb="0" eb="1">
      <t>ダイ</t>
    </rPh>
    <rPh sb="4" eb="5">
      <t>ヒョウ</t>
    </rPh>
    <phoneticPr fontId="3"/>
  </si>
  <si>
    <t>第２－１表</t>
    <rPh sb="0" eb="1">
      <t>ダイ</t>
    </rPh>
    <rPh sb="4" eb="5">
      <t>ヒョウ</t>
    </rPh>
    <phoneticPr fontId="3"/>
  </si>
  <si>
    <t>参考表：令和２年国勢調査に関する不詳補完結果　年齢・国籍（日本人・外国人の別）・配偶関係の不詳補完（人口等基本集計に対応）</t>
  </si>
  <si>
    <t>1</t>
    <phoneticPr fontId="11"/>
  </si>
  <si>
    <t>人</t>
    <phoneticPr fontId="11"/>
  </si>
  <si>
    <t>歳</t>
    <phoneticPr fontId="11"/>
  </si>
  <si>
    <t>地域識別コード</t>
    <phoneticPr fontId="3"/>
  </si>
  <si>
    <t>都道府県</t>
    <phoneticPr fontId="3"/>
  </si>
  <si>
    <t>16_富山県</t>
    <phoneticPr fontId="11"/>
  </si>
  <si>
    <t>2</t>
    <phoneticPr fontId="11"/>
  </si>
  <si>
    <t>16_富山県</t>
    <phoneticPr fontId="11"/>
  </si>
  <si>
    <t>2</t>
    <phoneticPr fontId="11"/>
  </si>
  <si>
    <t>2</t>
    <phoneticPr fontId="11"/>
  </si>
  <si>
    <t>1</t>
    <phoneticPr fontId="11"/>
  </si>
  <si>
    <t>1</t>
    <phoneticPr fontId="11"/>
  </si>
  <si>
    <t>1</t>
    <phoneticPr fontId="11"/>
  </si>
  <si>
    <t>1</t>
    <phoneticPr fontId="11"/>
  </si>
  <si>
    <t>1</t>
    <phoneticPr fontId="11"/>
  </si>
  <si>
    <t>人</t>
    <phoneticPr fontId="11"/>
  </si>
  <si>
    <t>人</t>
    <phoneticPr fontId="11"/>
  </si>
  <si>
    <t>人</t>
    <phoneticPr fontId="11"/>
  </si>
  <si>
    <t>％</t>
    <phoneticPr fontId="11"/>
  </si>
  <si>
    <t>地域識別コード</t>
    <phoneticPr fontId="3"/>
  </si>
  <si>
    <t>都道府県</t>
    <phoneticPr fontId="3"/>
  </si>
  <si>
    <t>16_富山県</t>
    <phoneticPr fontId="11"/>
  </si>
  <si>
    <t>2</t>
    <phoneticPr fontId="11"/>
  </si>
  <si>
    <t>参考表：令和２年国勢調査に関する不詳補完結果　年齢・国籍（日本人・外国人の別）・配偶関係の不詳補完（人口等基本集計に対応）</t>
    <phoneticPr fontId="3"/>
  </si>
  <si>
    <t/>
  </si>
  <si>
    <t>1</t>
    <phoneticPr fontId="11"/>
  </si>
  <si>
    <t>1</t>
    <phoneticPr fontId="11"/>
  </si>
  <si>
    <t>1</t>
    <phoneticPr fontId="11"/>
  </si>
  <si>
    <t>01_15歳</t>
  </si>
  <si>
    <t>02_16歳</t>
  </si>
  <si>
    <t>03_17歳</t>
  </si>
  <si>
    <t>04_18歳</t>
  </si>
  <si>
    <t>05_19歳</t>
  </si>
  <si>
    <t>06_20歳</t>
  </si>
  <si>
    <t>07_21歳</t>
  </si>
  <si>
    <t>08_22歳</t>
  </si>
  <si>
    <t>09_23歳</t>
  </si>
  <si>
    <t>10_24歳</t>
  </si>
  <si>
    <t>11_25歳</t>
  </si>
  <si>
    <t>12_26歳</t>
  </si>
  <si>
    <t>13_27歳</t>
  </si>
  <si>
    <t>14_28歳</t>
  </si>
  <si>
    <t>15_29歳</t>
  </si>
  <si>
    <t>16_30歳</t>
  </si>
  <si>
    <t>17_31歳</t>
  </si>
  <si>
    <t>18_32歳</t>
  </si>
  <si>
    <t>19_33歳</t>
  </si>
  <si>
    <t>20_34歳</t>
  </si>
  <si>
    <t>21_35歳</t>
  </si>
  <si>
    <t>22_36歳</t>
  </si>
  <si>
    <t>23_37歳</t>
  </si>
  <si>
    <t>24_38歳</t>
  </si>
  <si>
    <t>25_39歳</t>
  </si>
  <si>
    <t>26_40歳</t>
  </si>
  <si>
    <t>27_41歳</t>
  </si>
  <si>
    <t>28_42歳</t>
  </si>
  <si>
    <t>29_43歳</t>
  </si>
  <si>
    <t>30_44歳</t>
  </si>
  <si>
    <t>31_45歳</t>
  </si>
  <si>
    <t>32_46歳</t>
  </si>
  <si>
    <t>33_47歳</t>
  </si>
  <si>
    <t>34_48歳</t>
  </si>
  <si>
    <t>35_49歳</t>
  </si>
  <si>
    <t>36_50歳</t>
  </si>
  <si>
    <t>37_51歳</t>
  </si>
  <si>
    <t>38_52歳</t>
  </si>
  <si>
    <t>39_53歳</t>
  </si>
  <si>
    <t>40_54歳</t>
  </si>
  <si>
    <t>41_55歳</t>
  </si>
  <si>
    <t>42_56歳</t>
  </si>
  <si>
    <t>43_57歳</t>
  </si>
  <si>
    <t>44_58歳</t>
  </si>
  <si>
    <t>45_59歳</t>
  </si>
  <si>
    <t>46_60歳</t>
  </si>
  <si>
    <t>47_61歳</t>
  </si>
  <si>
    <t>48_62歳</t>
  </si>
  <si>
    <t>49_63歳</t>
  </si>
  <si>
    <t>50_64歳</t>
  </si>
  <si>
    <t>51_65歳</t>
  </si>
  <si>
    <t>52_66歳</t>
  </si>
  <si>
    <t>53_67歳</t>
  </si>
  <si>
    <t>54_68歳</t>
  </si>
  <si>
    <t>55_69歳</t>
  </si>
  <si>
    <t>56_70歳</t>
  </si>
  <si>
    <t>57_71歳</t>
  </si>
  <si>
    <t>58_72歳</t>
  </si>
  <si>
    <t>59_73歳</t>
  </si>
  <si>
    <t>60_74歳</t>
  </si>
  <si>
    <t>61_75歳</t>
  </si>
  <si>
    <t>62_76歳</t>
  </si>
  <si>
    <t>63_77歳</t>
  </si>
  <si>
    <t>64_78歳</t>
  </si>
  <si>
    <t>65_79歳</t>
  </si>
  <si>
    <t>66_80歳</t>
  </si>
  <si>
    <t>67_81歳</t>
  </si>
  <si>
    <t>68_82歳</t>
  </si>
  <si>
    <t>69_83歳</t>
  </si>
  <si>
    <t>70_84歳</t>
  </si>
  <si>
    <t>71_85歳</t>
  </si>
  <si>
    <t>72_86歳</t>
  </si>
  <si>
    <t>73_87歳</t>
  </si>
  <si>
    <t>74_88歳</t>
  </si>
  <si>
    <t>75_89歳</t>
  </si>
  <si>
    <t>76_90歳</t>
  </si>
  <si>
    <t>77_91歳</t>
  </si>
  <si>
    <t>78_92歳</t>
  </si>
  <si>
    <t>79_93歳</t>
  </si>
  <si>
    <t>80_94歳</t>
  </si>
  <si>
    <t>81_95歳</t>
  </si>
  <si>
    <t>82_96歳</t>
  </si>
  <si>
    <t>83_97歳</t>
  </si>
  <si>
    <t>84_98歳</t>
  </si>
  <si>
    <t>85_99歳</t>
  </si>
  <si>
    <t>86_100歳以上</t>
  </si>
  <si>
    <t>人</t>
    <phoneticPr fontId="11"/>
  </si>
  <si>
    <t>人</t>
    <phoneticPr fontId="11"/>
  </si>
  <si>
    <t>人</t>
    <phoneticPr fontId="11"/>
  </si>
  <si>
    <t>-</t>
    <phoneticPr fontId="11"/>
  </si>
  <si>
    <t>-</t>
    <phoneticPr fontId="11"/>
  </si>
  <si>
    <t>-</t>
    <phoneticPr fontId="11"/>
  </si>
  <si>
    <t>2</t>
    <phoneticPr fontId="11"/>
  </si>
  <si>
    <t>16_富山県</t>
    <phoneticPr fontId="11"/>
  </si>
  <si>
    <t>16_富山県</t>
    <phoneticPr fontId="11"/>
  </si>
  <si>
    <t>参考表：令和２年国勢調査に関する不詳補完結果　年齢・国籍（日本人・外国人の別）・配偶関係の不詳補完（人口等基本集計に対応）</t>
    <phoneticPr fontId="3"/>
  </si>
  <si>
    <t>人口構成比［配偶関係別］</t>
  </si>
  <si>
    <t>1</t>
    <phoneticPr fontId="11"/>
  </si>
  <si>
    <t>％</t>
    <phoneticPr fontId="11"/>
  </si>
  <si>
    <t>16_富山県</t>
    <phoneticPr fontId="11"/>
  </si>
  <si>
    <t>2</t>
    <phoneticPr fontId="11"/>
  </si>
  <si>
    <t>1</t>
    <phoneticPr fontId="11"/>
  </si>
  <si>
    <t>1</t>
    <phoneticPr fontId="11"/>
  </si>
  <si>
    <t>人</t>
    <phoneticPr fontId="11"/>
  </si>
  <si>
    <t>人</t>
    <phoneticPr fontId="11"/>
  </si>
  <si>
    <t>歳</t>
    <phoneticPr fontId="11"/>
  </si>
  <si>
    <t>地域識別コード</t>
    <phoneticPr fontId="3"/>
  </si>
  <si>
    <t>第１－３表 男女，年齢（各歳），国籍総数か日本人別人口，平均年齢及び年齢中位数－全国，都道府県，市区町村</t>
    <phoneticPr fontId="3"/>
  </si>
  <si>
    <t>第１－４表 男女，年齢（5歳階級及び3区分），国籍総数か日本人別人口，平均年齢，年齢中位数及び人口構成比［年齢別］－全国，都道府県，市区町村</t>
    <phoneticPr fontId="3"/>
  </si>
  <si>
    <t>第２－１表 男女，年齢（各歳），配偶関係，国籍総数か日本人別人口及び平均年齢（15歳以上）－全国，都道府県，21大都市，21大都市の区，県庁所在市，人口20万以上の市</t>
    <phoneticPr fontId="3"/>
  </si>
  <si>
    <t>第２－２表</t>
    <rPh sb="0" eb="1">
      <t>ダイ</t>
    </rPh>
    <rPh sb="4" eb="5">
      <t>ヒョウ</t>
    </rPh>
    <phoneticPr fontId="3"/>
  </si>
  <si>
    <t>第２－３表</t>
    <rPh sb="0" eb="1">
      <t>ダイ</t>
    </rPh>
    <rPh sb="4" eb="5">
      <t>ヒョウ</t>
    </rPh>
    <phoneticPr fontId="3"/>
  </si>
  <si>
    <t>第２－４表</t>
    <rPh sb="0" eb="1">
      <t>ダイ</t>
    </rPh>
    <rPh sb="4" eb="5">
      <t>ヒョウ</t>
    </rPh>
    <phoneticPr fontId="3"/>
  </si>
  <si>
    <t>第２－２表 男女，年齢（各歳），配偶関係，国籍総数か日本人別人口構成比［配偶関係別］（15歳以上）－全国，都道府県，21大都市，21大都市の区，県庁所在市，人口20万以上の市</t>
    <phoneticPr fontId="3"/>
  </si>
  <si>
    <t>第２－３表 男女，年齢（5歳階級），配偶関係，国籍総数か日本人別人口及び平均年齢（15歳以上）－全国，都道府県，市区町村</t>
    <phoneticPr fontId="3"/>
  </si>
  <si>
    <t>第２－４表 男女，年齢（5歳階級），配偶関係，国籍総数か日本人別人口構成比［配偶関係別］（15歳以上）－全国，都道府県，市区町村</t>
    <phoneticPr fontId="3"/>
  </si>
  <si>
    <t>男女，年齢（5歳階級及び3区分），国籍総数か日本人別人口，平均年齢，年齢中位数及び人口構成比［年齢別］－全国，都道府県，市区町村</t>
    <phoneticPr fontId="3"/>
  </si>
  <si>
    <t>男女，年齢（各歳），国籍総数か日本人別人口，平均年齢及び年齢中位数－全国，都道府県，市区町村</t>
    <phoneticPr fontId="3"/>
  </si>
  <si>
    <t>男女，年齢（各歳），配偶関係，国籍総数か日本人別人口及び平均年齢（15歳以上）－全国，都道府県，21大都市，21大都市の区，県庁所在市，人口20万以上の市</t>
    <rPh sb="0" eb="1">
      <t>オトコ</t>
    </rPh>
    <phoneticPr fontId="3"/>
  </si>
  <si>
    <t>男女，年齢（各歳），配偶関係，国籍総数か日本人別人口構成比［配偶関係別］（15歳以上）－全国，都道府県，21大都市，21大都市の区，県庁所在市，人口20万以上の市</t>
    <phoneticPr fontId="3"/>
  </si>
  <si>
    <t>男女，年齢（5歳階級），配偶関係，国籍総数か日本人別人口及び平均年齢（15歳以上）－全国，都道府県，市区町村</t>
    <phoneticPr fontId="3"/>
  </si>
  <si>
    <t>男女，年齢（5歳階級），配偶関係，国籍総数か日本人別人口構成比［配偶関係別］（15歳以上）－全国，都道府県，市区町村</t>
    <phoneticPr fontId="3"/>
  </si>
  <si>
    <t>（注）不詳補完値とは、集計結果（原数値）に含まれる「不詳」をあん分等によって補完したもの。</t>
    <rPh sb="1" eb="2">
      <t>チュウ</t>
    </rPh>
    <rPh sb="3" eb="5">
      <t>フショウ</t>
    </rPh>
    <rPh sb="5" eb="8">
      <t>ホカンチ</t>
    </rPh>
    <rPh sb="11" eb="15">
      <t>シュウケイケッカ</t>
    </rPh>
    <rPh sb="16" eb="17">
      <t>ハラ</t>
    </rPh>
    <rPh sb="17" eb="19">
      <t>スウチ</t>
    </rPh>
    <rPh sb="21" eb="22">
      <t>フク</t>
    </rPh>
    <rPh sb="26" eb="28">
      <t>フショウ</t>
    </rPh>
    <rPh sb="32" eb="33">
      <t>ブン</t>
    </rPh>
    <rPh sb="33" eb="34">
      <t>トウ</t>
    </rPh>
    <rPh sb="38" eb="40">
      <t>ホカン</t>
    </rPh>
    <phoneticPr fontId="3"/>
  </si>
  <si>
    <t>平成27年国勢調査 人口等基本集計(不詳補完値）統計表一覧（富山市分）</t>
    <rPh sb="0" eb="2">
      <t>ヘイセイ</t>
    </rPh>
    <rPh sb="4" eb="5">
      <t>ネン</t>
    </rPh>
    <rPh sb="10" eb="13">
      <t>ジンコウナド</t>
    </rPh>
    <rPh sb="18" eb="20">
      <t>フショウ</t>
    </rPh>
    <rPh sb="20" eb="22">
      <t>ホカン</t>
    </rPh>
    <rPh sb="22" eb="23">
      <t>チ</t>
    </rPh>
    <rPh sb="24" eb="27">
      <t>トウケイヒョウ</t>
    </rPh>
    <rPh sb="27" eb="29">
      <t>イチラン</t>
    </rPh>
    <rPh sb="30" eb="33">
      <t>トヤマシ</t>
    </rPh>
    <rPh sb="33" eb="34">
      <t>ブン</t>
    </rPh>
    <phoneticPr fontId="4"/>
  </si>
  <si>
    <t>第１－３表</t>
    <phoneticPr fontId="3"/>
  </si>
  <si>
    <t>男女，年齢（各歳），国籍総数か日本人別人口，平均年齢及び年齢中位数－全国，都道府県，市区町村</t>
    <phoneticPr fontId="3"/>
  </si>
  <si>
    <t>男女，年齢（5歳階級及び3区分），国籍総数か日本人別人口，平均年齢，年齢中位数及び人口構成比［年齢別］－全国，都道府県，市区町村</t>
    <phoneticPr fontId="3"/>
  </si>
  <si>
    <t>男女，年齢（各歳），配偶関係，国籍総数か日本人別人口構成比［配偶関係別］（15歳以上）－全国，都道府県，21大都市，21大都市の区，県庁所在市，人口20万以上の市</t>
    <phoneticPr fontId="3"/>
  </si>
  <si>
    <t>男女，年齢（5歳階級），配偶関係，国籍総数か日本人別人口及び平均年齢（15歳以上）－全国，都道府県，市区町村</t>
    <phoneticPr fontId="3"/>
  </si>
  <si>
    <t>男女，年齢（5歳階級），配偶関係，国籍総数か日本人別人口構成比［配偶関係別］（15歳以上）－全国，都道府県，市区町村</t>
    <phoneticPr fontId="3"/>
  </si>
  <si>
    <t>　　　本数値は、5年前との比較を可能とするため、令和2年国勢調査と同様の方法で遡及集計したものである。</t>
    <rPh sb="3" eb="6">
      <t>ホンスウチ</t>
    </rPh>
    <rPh sb="9" eb="10">
      <t>ネン</t>
    </rPh>
    <rPh sb="13" eb="15">
      <t>ヒカク</t>
    </rPh>
    <rPh sb="16" eb="18">
      <t>カノウ</t>
    </rPh>
    <rPh sb="24" eb="26">
      <t>レイワ</t>
    </rPh>
    <rPh sb="27" eb="28">
      <t>ネン</t>
    </rPh>
    <rPh sb="28" eb="32">
      <t>コクセイチョウサ</t>
    </rPh>
    <rPh sb="33" eb="35">
      <t>ドウヨウ</t>
    </rPh>
    <rPh sb="36" eb="38">
      <t>ホウホウ</t>
    </rPh>
    <rPh sb="39" eb="43">
      <t>ソキュウシュウケイ</t>
    </rPh>
    <phoneticPr fontId="3"/>
  </si>
  <si>
    <t>参考表：平成27年国勢調査に関する不詳補完結果（遡及集計） 年齢・国籍（日本人・外国人の別）・配偶関係の不詳補完（人口等基本集計に対応）</t>
  </si>
  <si>
    <t>第１－３表 男女，年齢（各歳），国籍総数か日本人別人口，平均年齢及び年齢中位数－全国，都道府県，市区町村</t>
  </si>
  <si>
    <t>1</t>
    <phoneticPr fontId="11"/>
  </si>
  <si>
    <t>人</t>
    <phoneticPr fontId="11"/>
  </si>
  <si>
    <t>歳</t>
    <phoneticPr fontId="11"/>
  </si>
  <si>
    <t>都道府県</t>
    <phoneticPr fontId="3"/>
  </si>
  <si>
    <t>16_富山県</t>
    <phoneticPr fontId="11"/>
  </si>
  <si>
    <t>2</t>
    <phoneticPr fontId="11"/>
  </si>
  <si>
    <t>第１－４表 男女，年齢（5歳階級及び3区分），国籍総数か日本人別人口，平均年齢，年齢中位数及び人口構成比［年齢別］－全国，都道府県，市区町村</t>
  </si>
  <si>
    <t>人</t>
    <phoneticPr fontId="11"/>
  </si>
  <si>
    <t>％</t>
    <phoneticPr fontId="11"/>
  </si>
  <si>
    <t>参考表：平成27年国勢調査に関する不詳補完結果（遡及集計） 年齢・国籍（日本人・外国人の別）・配偶関係の不詳補完（人口等基本集計に対応）</t>
    <phoneticPr fontId="3"/>
  </si>
  <si>
    <t>1</t>
    <phoneticPr fontId="11"/>
  </si>
  <si>
    <t>1</t>
    <phoneticPr fontId="11"/>
  </si>
  <si>
    <t>％</t>
    <phoneticPr fontId="11"/>
  </si>
  <si>
    <t>地域識別コード</t>
    <phoneticPr fontId="3"/>
  </si>
  <si>
    <t>都道府県</t>
    <phoneticPr fontId="3"/>
  </si>
  <si>
    <t>2</t>
    <phoneticPr fontId="11"/>
  </si>
  <si>
    <t>2</t>
    <phoneticPr fontId="11"/>
  </si>
  <si>
    <t>16_富山県</t>
    <phoneticPr fontId="11"/>
  </si>
  <si>
    <t>1</t>
    <phoneticPr fontId="11"/>
  </si>
  <si>
    <t>都道府県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.00000;\-#,##0.00000"/>
    <numFmt numFmtId="177" formatCode="\(@\)"/>
  </numFmts>
  <fonts count="12" x14ac:knownFonts="1">
    <font>
      <sz val="11"/>
      <color theme="1"/>
      <name val="ＭＳ Ｐゴシック"/>
      <family val="2"/>
      <charset val="128"/>
      <scheme val="minor"/>
    </font>
    <font>
      <sz val="11"/>
      <color indexed="8"/>
      <name val="ＭＳ Ｐゴシック"/>
      <family val="2"/>
      <scheme val="minor"/>
    </font>
    <font>
      <sz val="20"/>
      <color indexed="8"/>
      <name val="ＭＳ Ｐゴシック"/>
      <family val="2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20"/>
      <color indexed="8"/>
      <name val="ＭＳ Ｐゴシック"/>
      <family val="3"/>
      <charset val="128"/>
      <scheme val="minor"/>
    </font>
    <font>
      <b/>
      <sz val="12"/>
      <color indexed="8"/>
      <name val="ＭＳ Ｐゴシック"/>
      <family val="3"/>
      <charset val="128"/>
      <scheme val="minor"/>
    </font>
    <font>
      <b/>
      <sz val="20"/>
      <color indexed="8"/>
      <name val="ＭＳ Ｐゴシック"/>
      <family val="3"/>
      <charset val="128"/>
      <scheme val="minor"/>
    </font>
    <font>
      <sz val="11"/>
      <color indexed="8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</font>
    <font>
      <sz val="10"/>
      <color theme="1"/>
      <name val="ＭＳ ゴシック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99CCFF"/>
        <bgColor rgb="FF99CCFF"/>
      </patternFill>
    </fill>
    <fill>
      <patternFill patternType="solid">
        <fgColor rgb="FF99CCFF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1" fillId="0" borderId="0">
      <alignment vertical="center"/>
    </xf>
    <xf numFmtId="0" fontId="10" fillId="0" borderId="0">
      <alignment vertical="center"/>
    </xf>
  </cellStyleXfs>
  <cellXfs count="24">
    <xf numFmtId="0" fontId="0" fillId="0" borderId="0" xfId="0">
      <alignment vertical="center"/>
    </xf>
    <xf numFmtId="0" fontId="1" fillId="2" borderId="0" xfId="1" applyFill="1">
      <alignment vertical="center"/>
    </xf>
    <xf numFmtId="0" fontId="2" fillId="2" borderId="0" xfId="1" applyFont="1" applyFill="1" applyAlignment="1">
      <alignment horizontal="left" vertical="center" indent="1"/>
    </xf>
    <xf numFmtId="0" fontId="5" fillId="2" borderId="0" xfId="1" applyFont="1" applyFill="1" applyAlignment="1">
      <alignment horizontal="left" vertical="center" indent="1"/>
    </xf>
    <xf numFmtId="0" fontId="6" fillId="2" borderId="0" xfId="1" applyFont="1" applyFill="1" applyAlignment="1">
      <alignment vertical="center"/>
    </xf>
    <xf numFmtId="0" fontId="7" fillId="2" borderId="0" xfId="1" applyFont="1" applyFill="1" applyAlignment="1">
      <alignment horizontal="left" vertical="center" indent="1"/>
    </xf>
    <xf numFmtId="0" fontId="8" fillId="2" borderId="1" xfId="1" applyFont="1" applyFill="1" applyBorder="1" applyAlignment="1">
      <alignment horizontal="left" vertical="center" indent="1"/>
    </xf>
    <xf numFmtId="0" fontId="1" fillId="2" borderId="1" xfId="1" applyFill="1" applyBorder="1" applyAlignment="1">
      <alignment vertical="center" shrinkToFit="1"/>
    </xf>
    <xf numFmtId="0" fontId="9" fillId="2" borderId="1" xfId="0" applyFont="1" applyFill="1" applyBorder="1" applyAlignment="1">
      <alignment vertical="center" shrinkToFit="1"/>
    </xf>
    <xf numFmtId="0" fontId="1" fillId="2" borderId="0" xfId="1" applyFill="1" applyBorder="1" applyAlignment="1">
      <alignment vertical="center" shrinkToFit="1"/>
    </xf>
    <xf numFmtId="0" fontId="1" fillId="2" borderId="0" xfId="1" applyFill="1" applyBorder="1" applyAlignment="1">
      <alignment horizontal="left" vertical="center" shrinkToFit="1"/>
    </xf>
    <xf numFmtId="49" fontId="11" fillId="0" borderId="0" xfId="0" applyNumberFormat="1" applyFont="1" applyAlignment="1">
      <alignment horizontal="left" vertical="top"/>
    </xf>
    <xf numFmtId="49" fontId="11" fillId="3" borderId="1" xfId="0" applyNumberFormat="1" applyFont="1" applyFill="1" applyBorder="1" applyAlignment="1">
      <alignment horizontal="left" vertical="top" wrapText="1"/>
    </xf>
    <xf numFmtId="177" fontId="11" fillId="3" borderId="1" xfId="0" applyNumberFormat="1" applyFont="1" applyFill="1" applyBorder="1" applyAlignment="1">
      <alignment horizontal="left" vertical="top" wrapText="1"/>
    </xf>
    <xf numFmtId="49" fontId="11" fillId="4" borderId="1" xfId="0" applyNumberFormat="1" applyFont="1" applyFill="1" applyBorder="1" applyAlignment="1">
      <alignment horizontal="left" vertical="top"/>
    </xf>
    <xf numFmtId="49" fontId="0" fillId="5" borderId="1" xfId="0" applyNumberFormat="1" applyFill="1" applyBorder="1" applyAlignment="1">
      <alignment horizontal="left" vertical="top"/>
    </xf>
    <xf numFmtId="37" fontId="11" fillId="0" borderId="0" xfId="0" applyNumberFormat="1" applyFont="1" applyAlignment="1">
      <alignment horizontal="right" vertical="top"/>
    </xf>
    <xf numFmtId="176" fontId="11" fillId="0" borderId="0" xfId="0" applyNumberFormat="1" applyFont="1" applyAlignment="1">
      <alignment horizontal="right" vertical="top"/>
    </xf>
    <xf numFmtId="49" fontId="11" fillId="3" borderId="2" xfId="0" applyNumberFormat="1" applyFont="1" applyFill="1" applyBorder="1" applyAlignment="1">
      <alignment horizontal="left" vertical="top"/>
    </xf>
    <xf numFmtId="0" fontId="1" fillId="2" borderId="1" xfId="1" applyFill="1" applyBorder="1" applyAlignment="1">
      <alignment vertical="center" wrapText="1"/>
    </xf>
    <xf numFmtId="0" fontId="2" fillId="2" borderId="0" xfId="1" applyFont="1" applyFill="1" applyAlignment="1">
      <alignment horizontal="left" vertical="center" indent="1" shrinkToFit="1"/>
    </xf>
    <xf numFmtId="0" fontId="5" fillId="2" borderId="0" xfId="1" applyFont="1" applyFill="1" applyAlignment="1">
      <alignment horizontal="left" vertical="center" indent="1" shrinkToFit="1"/>
    </xf>
    <xf numFmtId="0" fontId="8" fillId="2" borderId="1" xfId="1" applyFont="1" applyFill="1" applyBorder="1" applyAlignment="1">
      <alignment horizontal="left" vertical="center" indent="2"/>
    </xf>
    <xf numFmtId="0" fontId="9" fillId="2" borderId="1" xfId="0" applyFont="1" applyFill="1" applyBorder="1" applyAlignment="1">
      <alignment vertical="center" wrapText="1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styles" Target="style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theme" Target="theme/theme1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2"/>
  <sheetViews>
    <sheetView tabSelected="1" zoomScaleNormal="100" zoomScaleSheetLayoutView="100" workbookViewId="0">
      <selection activeCell="B4" sqref="B4:K4"/>
    </sheetView>
  </sheetViews>
  <sheetFormatPr defaultRowHeight="24.75" customHeight="1" x14ac:dyDescent="0.15"/>
  <cols>
    <col min="1" max="1" width="12.375" style="1" bestFit="1" customWidth="1"/>
    <col min="2" max="16384" width="9" style="1"/>
  </cols>
  <sheetData>
    <row r="1" spans="1:11" ht="24.75" customHeight="1" x14ac:dyDescent="0.15">
      <c r="A1" s="20" t="s">
        <v>181</v>
      </c>
      <c r="B1" s="21"/>
      <c r="C1" s="21"/>
      <c r="D1" s="21"/>
      <c r="E1" s="21"/>
      <c r="F1" s="21"/>
      <c r="G1" s="21"/>
      <c r="H1" s="21"/>
      <c r="I1" s="21"/>
      <c r="J1" s="21"/>
      <c r="K1" s="21"/>
    </row>
    <row r="2" spans="1:11" ht="24.75" customHeight="1" x14ac:dyDescent="0.15">
      <c r="A2" s="2"/>
      <c r="B2" s="3"/>
      <c r="C2" s="3"/>
      <c r="D2" s="3"/>
      <c r="E2" s="3"/>
      <c r="F2" s="3"/>
      <c r="G2" s="3"/>
      <c r="H2" s="3"/>
      <c r="I2" s="3"/>
      <c r="J2" s="3"/>
      <c r="K2" s="3"/>
    </row>
    <row r="3" spans="1:11" ht="24.75" customHeight="1" x14ac:dyDescent="0.15">
      <c r="A3" s="4" t="s">
        <v>182</v>
      </c>
      <c r="B3" s="5"/>
      <c r="C3" s="3"/>
      <c r="D3" s="3"/>
      <c r="E3" s="3"/>
      <c r="F3" s="3"/>
      <c r="G3" s="3"/>
      <c r="H3" s="3"/>
      <c r="I3" s="3"/>
      <c r="J3" s="3"/>
      <c r="K3" s="3"/>
    </row>
    <row r="4" spans="1:11" ht="24.75" customHeight="1" x14ac:dyDescent="0.15">
      <c r="A4" s="6" t="s">
        <v>0</v>
      </c>
      <c r="B4" s="22" t="s">
        <v>1</v>
      </c>
      <c r="C4" s="22"/>
      <c r="D4" s="22"/>
      <c r="E4" s="22"/>
      <c r="F4" s="22"/>
      <c r="G4" s="22"/>
      <c r="H4" s="22"/>
      <c r="I4" s="22"/>
      <c r="J4" s="22"/>
      <c r="K4" s="22"/>
    </row>
    <row r="5" spans="1:11" ht="50.1" customHeight="1" x14ac:dyDescent="0.15">
      <c r="A5" s="7" t="s">
        <v>183</v>
      </c>
      <c r="B5" s="19" t="s">
        <v>332</v>
      </c>
      <c r="C5" s="19"/>
      <c r="D5" s="19"/>
      <c r="E5" s="19"/>
      <c r="F5" s="19"/>
      <c r="G5" s="19"/>
      <c r="H5" s="19"/>
      <c r="I5" s="19"/>
      <c r="J5" s="19"/>
      <c r="K5" s="19"/>
    </row>
    <row r="6" spans="1:11" ht="50.1" customHeight="1" x14ac:dyDescent="0.15">
      <c r="A6" s="8" t="s">
        <v>184</v>
      </c>
      <c r="B6" s="23" t="s">
        <v>331</v>
      </c>
      <c r="C6" s="23"/>
      <c r="D6" s="23"/>
      <c r="E6" s="23"/>
      <c r="F6" s="23"/>
      <c r="G6" s="23"/>
      <c r="H6" s="23"/>
      <c r="I6" s="23"/>
      <c r="J6" s="23"/>
      <c r="K6" s="23"/>
    </row>
    <row r="7" spans="1:11" ht="50.1" customHeight="1" x14ac:dyDescent="0.15">
      <c r="A7" s="7" t="s">
        <v>185</v>
      </c>
      <c r="B7" s="19" t="s">
        <v>333</v>
      </c>
      <c r="C7" s="19"/>
      <c r="D7" s="19"/>
      <c r="E7" s="19"/>
      <c r="F7" s="19"/>
      <c r="G7" s="19"/>
      <c r="H7" s="19"/>
      <c r="I7" s="19"/>
      <c r="J7" s="19"/>
      <c r="K7" s="19"/>
    </row>
    <row r="8" spans="1:11" ht="50.1" customHeight="1" x14ac:dyDescent="0.15">
      <c r="A8" s="7" t="s">
        <v>325</v>
      </c>
      <c r="B8" s="19" t="s">
        <v>334</v>
      </c>
      <c r="C8" s="19"/>
      <c r="D8" s="19"/>
      <c r="E8" s="19"/>
      <c r="F8" s="19"/>
      <c r="G8" s="19"/>
      <c r="H8" s="19"/>
      <c r="I8" s="19"/>
      <c r="J8" s="19"/>
      <c r="K8" s="19"/>
    </row>
    <row r="9" spans="1:11" ht="50.1" customHeight="1" x14ac:dyDescent="0.15">
      <c r="A9" s="7" t="s">
        <v>326</v>
      </c>
      <c r="B9" s="19" t="s">
        <v>335</v>
      </c>
      <c r="C9" s="19"/>
      <c r="D9" s="19"/>
      <c r="E9" s="19"/>
      <c r="F9" s="19"/>
      <c r="G9" s="19"/>
      <c r="H9" s="19"/>
      <c r="I9" s="19"/>
      <c r="J9" s="19"/>
      <c r="K9" s="19"/>
    </row>
    <row r="10" spans="1:11" ht="50.1" customHeight="1" x14ac:dyDescent="0.15">
      <c r="A10" s="7" t="s">
        <v>327</v>
      </c>
      <c r="B10" s="19" t="s">
        <v>336</v>
      </c>
      <c r="C10" s="19"/>
      <c r="D10" s="19"/>
      <c r="E10" s="19"/>
      <c r="F10" s="19"/>
      <c r="G10" s="19"/>
      <c r="H10" s="19"/>
      <c r="I10" s="19"/>
      <c r="J10" s="19"/>
      <c r="K10" s="19"/>
    </row>
    <row r="11" spans="1:11" ht="4.5" customHeight="1" x14ac:dyDescent="0.15">
      <c r="A11" s="9"/>
      <c r="B11" s="10"/>
      <c r="C11" s="10"/>
      <c r="D11" s="10"/>
      <c r="E11" s="10"/>
      <c r="F11" s="10"/>
      <c r="G11" s="10"/>
      <c r="H11" s="10"/>
      <c r="I11" s="10"/>
      <c r="J11" s="10"/>
      <c r="K11" s="10"/>
    </row>
    <row r="12" spans="1:11" ht="24.75" customHeight="1" x14ac:dyDescent="0.15">
      <c r="A12" s="1" t="s">
        <v>337</v>
      </c>
    </row>
  </sheetData>
  <mergeCells count="8">
    <mergeCell ref="B10:K10"/>
    <mergeCell ref="B8:K8"/>
    <mergeCell ref="B9:K9"/>
    <mergeCell ref="A1:K1"/>
    <mergeCell ref="B4:K4"/>
    <mergeCell ref="B5:K5"/>
    <mergeCell ref="B6:K6"/>
    <mergeCell ref="B7:K7"/>
  </mergeCells>
  <phoneticPr fontId="3"/>
  <pageMargins left="0.70866141732283472" right="0.70866141732283472" top="0.74803149606299213" bottom="0.74803149606299213" header="0.31496062992125984" footer="0.31496062992125984"/>
  <pageSetup paperSize="9" scale="87" fitToHeight="0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6"/>
  <sheetViews>
    <sheetView zoomScaleNormal="100" workbookViewId="0">
      <pane xSplit="5" ySplit="10" topLeftCell="F11" activePane="bottomRight" state="frozen"/>
      <selection pane="topRight" activeCell="F1" sqref="F1"/>
      <selection pane="bottomLeft" activeCell="A11" sqref="A11"/>
      <selection pane="bottomRight" activeCell="E40" sqref="E40"/>
    </sheetView>
  </sheetViews>
  <sheetFormatPr defaultRowHeight="12" x14ac:dyDescent="0.15"/>
  <cols>
    <col min="1" max="2" width="12.625" style="11" customWidth="1"/>
    <col min="3" max="3" width="2.375" style="11" bestFit="1" customWidth="1"/>
    <col min="4" max="4" width="11.25" style="11" bestFit="1" customWidth="1"/>
    <col min="5" max="43" width="12.625" style="11" customWidth="1"/>
    <col min="44" max="16384" width="9" style="11"/>
  </cols>
  <sheetData>
    <row r="1" spans="1:43" x14ac:dyDescent="0.15">
      <c r="A1" s="11" t="s">
        <v>346</v>
      </c>
    </row>
    <row r="2" spans="1:43" x14ac:dyDescent="0.15">
      <c r="A2" s="11" t="s">
        <v>354</v>
      </c>
    </row>
    <row r="4" spans="1:43" hidden="1" x14ac:dyDescent="0.15"/>
    <row r="5" spans="1:43" ht="24" collapsed="1" x14ac:dyDescent="0.15">
      <c r="F5" s="12" t="s">
        <v>7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152</v>
      </c>
      <c r="AI5" s="12" t="s">
        <v>152</v>
      </c>
      <c r="AJ5" s="12" t="s">
        <v>152</v>
      </c>
      <c r="AK5" s="12" t="s">
        <v>152</v>
      </c>
      <c r="AL5" s="12" t="s">
        <v>152</v>
      </c>
      <c r="AM5" s="12" t="s">
        <v>152</v>
      </c>
      <c r="AN5" s="12" t="s">
        <v>152</v>
      </c>
      <c r="AO5" s="12" t="s">
        <v>152</v>
      </c>
      <c r="AP5" s="12" t="s">
        <v>121</v>
      </c>
      <c r="AQ5" s="12" t="s">
        <v>120</v>
      </c>
    </row>
    <row r="6" spans="1:43" x14ac:dyDescent="0.15">
      <c r="F6" s="12" t="s">
        <v>119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/>
      <c r="AQ6" s="12"/>
    </row>
    <row r="7" spans="1:43" x14ac:dyDescent="0.15">
      <c r="F7" s="12" t="s">
        <v>187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/>
      <c r="AQ7" s="12"/>
    </row>
    <row r="8" spans="1:43" ht="24" x14ac:dyDescent="0.15">
      <c r="F8" s="12" t="s">
        <v>151</v>
      </c>
      <c r="G8" s="12" t="s">
        <v>150</v>
      </c>
      <c r="H8" s="12" t="s">
        <v>149</v>
      </c>
      <c r="I8" s="12" t="s">
        <v>148</v>
      </c>
      <c r="J8" s="12" t="s">
        <v>147</v>
      </c>
      <c r="K8" s="12" t="s">
        <v>146</v>
      </c>
      <c r="L8" s="12" t="s">
        <v>145</v>
      </c>
      <c r="M8" s="12" t="s">
        <v>144</v>
      </c>
      <c r="N8" s="12" t="s">
        <v>143</v>
      </c>
      <c r="O8" s="12" t="s">
        <v>142</v>
      </c>
      <c r="P8" s="12" t="s">
        <v>141</v>
      </c>
      <c r="Q8" s="12" t="s">
        <v>140</v>
      </c>
      <c r="R8" s="12" t="s">
        <v>139</v>
      </c>
      <c r="S8" s="12" t="s">
        <v>138</v>
      </c>
      <c r="T8" s="12" t="s">
        <v>137</v>
      </c>
      <c r="U8" s="12" t="s">
        <v>136</v>
      </c>
      <c r="V8" s="12" t="s">
        <v>135</v>
      </c>
      <c r="W8" s="12" t="s">
        <v>134</v>
      </c>
      <c r="X8" s="12" t="s">
        <v>133</v>
      </c>
      <c r="Y8" s="12" t="s">
        <v>132</v>
      </c>
      <c r="Z8" s="12" t="s">
        <v>131</v>
      </c>
      <c r="AA8" s="12" t="s">
        <v>130</v>
      </c>
      <c r="AB8" s="12" t="s">
        <v>16</v>
      </c>
      <c r="AC8" s="12" t="s">
        <v>15</v>
      </c>
      <c r="AD8" s="12" t="s">
        <v>14</v>
      </c>
      <c r="AE8" s="12" t="s">
        <v>13</v>
      </c>
      <c r="AF8" s="12" t="s">
        <v>12</v>
      </c>
      <c r="AG8" s="12" t="s">
        <v>11</v>
      </c>
      <c r="AH8" s="12" t="s">
        <v>129</v>
      </c>
      <c r="AI8" s="12" t="s">
        <v>128</v>
      </c>
      <c r="AJ8" s="12" t="s">
        <v>127</v>
      </c>
      <c r="AK8" s="12" t="s">
        <v>126</v>
      </c>
      <c r="AL8" s="12" t="s">
        <v>125</v>
      </c>
      <c r="AM8" s="12" t="s">
        <v>124</v>
      </c>
      <c r="AN8" s="12" t="s">
        <v>123</v>
      </c>
      <c r="AO8" s="12" t="s">
        <v>122</v>
      </c>
      <c r="AP8" s="12"/>
      <c r="AQ8" s="12"/>
    </row>
    <row r="9" spans="1:43" x14ac:dyDescent="0.15">
      <c r="F9" s="13" t="s">
        <v>355</v>
      </c>
      <c r="G9" s="13" t="s">
        <v>188</v>
      </c>
      <c r="H9" s="13" t="s">
        <v>355</v>
      </c>
      <c r="I9" s="13" t="s">
        <v>355</v>
      </c>
      <c r="J9" s="13" t="s">
        <v>188</v>
      </c>
      <c r="K9" s="13" t="s">
        <v>188</v>
      </c>
      <c r="L9" s="13" t="s">
        <v>188</v>
      </c>
      <c r="M9" s="13" t="s">
        <v>188</v>
      </c>
      <c r="N9" s="13" t="s">
        <v>355</v>
      </c>
      <c r="O9" s="13" t="s">
        <v>188</v>
      </c>
      <c r="P9" s="13" t="s">
        <v>188</v>
      </c>
      <c r="Q9" s="13" t="s">
        <v>188</v>
      </c>
      <c r="R9" s="13" t="s">
        <v>355</v>
      </c>
      <c r="S9" s="13" t="s">
        <v>355</v>
      </c>
      <c r="T9" s="13" t="s">
        <v>355</v>
      </c>
      <c r="U9" s="13" t="s">
        <v>188</v>
      </c>
      <c r="V9" s="13" t="s">
        <v>188</v>
      </c>
      <c r="W9" s="13" t="s">
        <v>188</v>
      </c>
      <c r="X9" s="13" t="s">
        <v>188</v>
      </c>
      <c r="Y9" s="13" t="s">
        <v>355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355</v>
      </c>
      <c r="AF9" s="13" t="s">
        <v>188</v>
      </c>
      <c r="AG9" s="13" t="s">
        <v>188</v>
      </c>
      <c r="AH9" s="13" t="s">
        <v>205</v>
      </c>
      <c r="AI9" s="13" t="s">
        <v>205</v>
      </c>
      <c r="AJ9" s="13" t="s">
        <v>205</v>
      </c>
      <c r="AK9" s="13" t="s">
        <v>205</v>
      </c>
      <c r="AL9" s="13" t="s">
        <v>356</v>
      </c>
      <c r="AM9" s="13" t="s">
        <v>205</v>
      </c>
      <c r="AN9" s="13" t="s">
        <v>205</v>
      </c>
      <c r="AO9" s="13" t="s">
        <v>205</v>
      </c>
      <c r="AP9" s="13" t="s">
        <v>189</v>
      </c>
      <c r="AQ9" s="13" t="s">
        <v>189</v>
      </c>
    </row>
    <row r="10" spans="1:43" ht="13.5" x14ac:dyDescent="0.15">
      <c r="A10" s="14" t="s">
        <v>10</v>
      </c>
      <c r="B10" s="14" t="s">
        <v>6</v>
      </c>
      <c r="C10" s="14" t="s">
        <v>190</v>
      </c>
      <c r="D10" s="14" t="s">
        <v>191</v>
      </c>
      <c r="E10" s="14" t="s">
        <v>2</v>
      </c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</row>
    <row r="11" spans="1:43" x14ac:dyDescent="0.15">
      <c r="A11" s="18" t="s">
        <v>9</v>
      </c>
      <c r="B11" s="18" t="s">
        <v>3</v>
      </c>
      <c r="C11" s="18" t="s">
        <v>193</v>
      </c>
      <c r="D11" s="18" t="s">
        <v>192</v>
      </c>
      <c r="E11" s="18" t="s">
        <v>153</v>
      </c>
      <c r="F11" s="16">
        <v>418686</v>
      </c>
      <c r="G11" s="16">
        <v>16092</v>
      </c>
      <c r="H11" s="16">
        <v>17521</v>
      </c>
      <c r="I11" s="16">
        <v>19150</v>
      </c>
      <c r="J11" s="16">
        <v>19635</v>
      </c>
      <c r="K11" s="16">
        <v>18813</v>
      </c>
      <c r="L11" s="16">
        <v>20121</v>
      </c>
      <c r="M11" s="16">
        <v>22850</v>
      </c>
      <c r="N11" s="16">
        <v>27437</v>
      </c>
      <c r="O11" s="16">
        <v>33747</v>
      </c>
      <c r="P11" s="16">
        <v>28031</v>
      </c>
      <c r="Q11" s="16">
        <v>25187</v>
      </c>
      <c r="R11" s="16">
        <v>23869</v>
      </c>
      <c r="S11" s="16">
        <v>27809</v>
      </c>
      <c r="T11" s="16">
        <v>34298</v>
      </c>
      <c r="U11" s="16">
        <v>26919</v>
      </c>
      <c r="V11" s="16">
        <v>21193</v>
      </c>
      <c r="W11" s="16">
        <v>17597</v>
      </c>
      <c r="X11" s="16">
        <v>11515</v>
      </c>
      <c r="Y11" s="16">
        <v>5234</v>
      </c>
      <c r="Z11" s="16">
        <v>1426</v>
      </c>
      <c r="AA11" s="16">
        <v>242</v>
      </c>
      <c r="AB11" s="16">
        <v>52763</v>
      </c>
      <c r="AC11" s="16">
        <v>247499</v>
      </c>
      <c r="AD11" s="16">
        <v>118424</v>
      </c>
      <c r="AE11" s="16">
        <v>57207</v>
      </c>
      <c r="AF11" s="16">
        <v>18417</v>
      </c>
      <c r="AG11" s="16">
        <v>262162</v>
      </c>
      <c r="AH11" s="17">
        <v>12.60205</v>
      </c>
      <c r="AI11" s="17">
        <v>59.11327</v>
      </c>
      <c r="AJ11" s="17">
        <v>28.284680000000002</v>
      </c>
      <c r="AK11" s="17">
        <v>34.926650000000002</v>
      </c>
      <c r="AL11" s="17">
        <v>13.663460000000001</v>
      </c>
      <c r="AM11" s="17">
        <v>4.3987600000000002</v>
      </c>
      <c r="AN11" s="17">
        <v>5.7799999999999997E-2</v>
      </c>
      <c r="AO11" s="17">
        <v>62.61542</v>
      </c>
      <c r="AP11" s="17">
        <v>47.073129999999999</v>
      </c>
      <c r="AQ11" s="17">
        <v>47.318199999999997</v>
      </c>
    </row>
    <row r="12" spans="1:43" x14ac:dyDescent="0.15">
      <c r="A12" s="18" t="s">
        <v>9</v>
      </c>
      <c r="B12" s="18" t="s">
        <v>5</v>
      </c>
      <c r="C12" s="18" t="s">
        <v>193</v>
      </c>
      <c r="D12" s="18" t="s">
        <v>192</v>
      </c>
      <c r="E12" s="18" t="s">
        <v>153</v>
      </c>
      <c r="F12" s="16">
        <v>203427</v>
      </c>
      <c r="G12" s="16">
        <v>8233</v>
      </c>
      <c r="H12" s="16">
        <v>8970</v>
      </c>
      <c r="I12" s="16">
        <v>9859</v>
      </c>
      <c r="J12" s="16">
        <v>10230</v>
      </c>
      <c r="K12" s="16">
        <v>9937</v>
      </c>
      <c r="L12" s="16">
        <v>10492</v>
      </c>
      <c r="M12" s="16">
        <v>11772</v>
      </c>
      <c r="N12" s="16">
        <v>14152</v>
      </c>
      <c r="O12" s="16">
        <v>17175</v>
      </c>
      <c r="P12" s="16">
        <v>14327</v>
      </c>
      <c r="Q12" s="16">
        <v>12596</v>
      </c>
      <c r="R12" s="16">
        <v>11779</v>
      </c>
      <c r="S12" s="16">
        <v>13623</v>
      </c>
      <c r="T12" s="16">
        <v>16489</v>
      </c>
      <c r="U12" s="16">
        <v>12387</v>
      </c>
      <c r="V12" s="16">
        <v>9273</v>
      </c>
      <c r="W12" s="16">
        <v>6794</v>
      </c>
      <c r="X12" s="16">
        <v>3812</v>
      </c>
      <c r="Y12" s="16">
        <v>1247</v>
      </c>
      <c r="Z12" s="16">
        <v>247</v>
      </c>
      <c r="AA12" s="16">
        <v>33</v>
      </c>
      <c r="AB12" s="16">
        <v>27062</v>
      </c>
      <c r="AC12" s="16">
        <v>126083</v>
      </c>
      <c r="AD12" s="16">
        <v>50282</v>
      </c>
      <c r="AE12" s="16">
        <v>21406</v>
      </c>
      <c r="AF12" s="16">
        <v>5339</v>
      </c>
      <c r="AG12" s="16">
        <v>132342</v>
      </c>
      <c r="AH12" s="17">
        <v>13.303050000000001</v>
      </c>
      <c r="AI12" s="17">
        <v>61.979480000000002</v>
      </c>
      <c r="AJ12" s="17">
        <v>24.717469999999999</v>
      </c>
      <c r="AK12" s="17">
        <v>31.41422</v>
      </c>
      <c r="AL12" s="17">
        <v>10.522690000000001</v>
      </c>
      <c r="AM12" s="17">
        <v>2.62453</v>
      </c>
      <c r="AN12" s="17">
        <v>1.6219999999999998E-2</v>
      </c>
      <c r="AO12" s="17">
        <v>65.056259999999995</v>
      </c>
      <c r="AP12" s="17">
        <v>45.112169999999999</v>
      </c>
      <c r="AQ12" s="17">
        <v>45.28266</v>
      </c>
    </row>
    <row r="13" spans="1:43" x14ac:dyDescent="0.15">
      <c r="A13" s="18" t="s">
        <v>9</v>
      </c>
      <c r="B13" s="18" t="s">
        <v>4</v>
      </c>
      <c r="C13" s="18" t="s">
        <v>193</v>
      </c>
      <c r="D13" s="18" t="s">
        <v>192</v>
      </c>
      <c r="E13" s="18" t="s">
        <v>153</v>
      </c>
      <c r="F13" s="16">
        <v>215259</v>
      </c>
      <c r="G13" s="16">
        <v>7859</v>
      </c>
      <c r="H13" s="16">
        <v>8551</v>
      </c>
      <c r="I13" s="16">
        <v>9291</v>
      </c>
      <c r="J13" s="16">
        <v>9405</v>
      </c>
      <c r="K13" s="16">
        <v>8876</v>
      </c>
      <c r="L13" s="16">
        <v>9629</v>
      </c>
      <c r="M13" s="16">
        <v>11078</v>
      </c>
      <c r="N13" s="16">
        <v>13285</v>
      </c>
      <c r="O13" s="16">
        <v>16572</v>
      </c>
      <c r="P13" s="16">
        <v>13704</v>
      </c>
      <c r="Q13" s="16">
        <v>12591</v>
      </c>
      <c r="R13" s="16">
        <v>12090</v>
      </c>
      <c r="S13" s="16">
        <v>14186</v>
      </c>
      <c r="T13" s="16">
        <v>17809</v>
      </c>
      <c r="U13" s="16">
        <v>14532</v>
      </c>
      <c r="V13" s="16">
        <v>11920</v>
      </c>
      <c r="W13" s="16">
        <v>10803</v>
      </c>
      <c r="X13" s="16">
        <v>7703</v>
      </c>
      <c r="Y13" s="16">
        <v>3987</v>
      </c>
      <c r="Z13" s="16">
        <v>1179</v>
      </c>
      <c r="AA13" s="16">
        <v>209</v>
      </c>
      <c r="AB13" s="16">
        <v>25701</v>
      </c>
      <c r="AC13" s="16">
        <v>121416</v>
      </c>
      <c r="AD13" s="16">
        <v>68142</v>
      </c>
      <c r="AE13" s="16">
        <v>35801</v>
      </c>
      <c r="AF13" s="16">
        <v>13078</v>
      </c>
      <c r="AG13" s="16">
        <v>129820</v>
      </c>
      <c r="AH13" s="17">
        <v>11.93957</v>
      </c>
      <c r="AI13" s="17">
        <v>56.404609999999998</v>
      </c>
      <c r="AJ13" s="17">
        <v>31.655819999999999</v>
      </c>
      <c r="AK13" s="17">
        <v>38.246020000000001</v>
      </c>
      <c r="AL13" s="17">
        <v>16.631589999999999</v>
      </c>
      <c r="AM13" s="17">
        <v>6.0754700000000001</v>
      </c>
      <c r="AN13" s="17">
        <v>9.7089999999999996E-2</v>
      </c>
      <c r="AO13" s="17">
        <v>60.30874</v>
      </c>
      <c r="AP13" s="17">
        <v>48.926310000000001</v>
      </c>
      <c r="AQ13" s="17">
        <v>49.717829999999999</v>
      </c>
    </row>
    <row r="14" spans="1:43" x14ac:dyDescent="0.15">
      <c r="A14" s="18" t="s">
        <v>8</v>
      </c>
      <c r="B14" s="18" t="s">
        <v>3</v>
      </c>
      <c r="C14" s="18" t="s">
        <v>193</v>
      </c>
      <c r="D14" s="18" t="s">
        <v>192</v>
      </c>
      <c r="E14" s="18" t="s">
        <v>153</v>
      </c>
      <c r="F14" s="16">
        <v>414403</v>
      </c>
      <c r="G14" s="16">
        <v>15938</v>
      </c>
      <c r="H14" s="16">
        <v>17412</v>
      </c>
      <c r="I14" s="16">
        <v>19062</v>
      </c>
      <c r="J14" s="16">
        <v>19497</v>
      </c>
      <c r="K14" s="16">
        <v>18225</v>
      </c>
      <c r="L14" s="16">
        <v>19464</v>
      </c>
      <c r="M14" s="16">
        <v>22264</v>
      </c>
      <c r="N14" s="16">
        <v>27025</v>
      </c>
      <c r="O14" s="16">
        <v>33330</v>
      </c>
      <c r="P14" s="16">
        <v>27654</v>
      </c>
      <c r="Q14" s="16">
        <v>24934</v>
      </c>
      <c r="R14" s="16">
        <v>23728</v>
      </c>
      <c r="S14" s="16">
        <v>27690</v>
      </c>
      <c r="T14" s="16">
        <v>34211</v>
      </c>
      <c r="U14" s="16">
        <v>26856</v>
      </c>
      <c r="V14" s="16">
        <v>21153</v>
      </c>
      <c r="W14" s="16">
        <v>17566</v>
      </c>
      <c r="X14" s="16">
        <v>11505</v>
      </c>
      <c r="Y14" s="16">
        <v>5224</v>
      </c>
      <c r="Z14" s="16">
        <v>1424</v>
      </c>
      <c r="AA14" s="16">
        <v>241</v>
      </c>
      <c r="AB14" s="16">
        <v>52412</v>
      </c>
      <c r="AC14" s="16">
        <v>243811</v>
      </c>
      <c r="AD14" s="16">
        <v>118180</v>
      </c>
      <c r="AE14" s="16">
        <v>57113</v>
      </c>
      <c r="AF14" s="16">
        <v>18394</v>
      </c>
      <c r="AG14" s="16">
        <v>258525</v>
      </c>
      <c r="AH14" s="17">
        <v>12.647589999999999</v>
      </c>
      <c r="AI14" s="17">
        <v>58.834269999999997</v>
      </c>
      <c r="AJ14" s="17">
        <v>28.518129999999999</v>
      </c>
      <c r="AK14" s="17">
        <v>35.200029999999998</v>
      </c>
      <c r="AL14" s="17">
        <v>13.78199</v>
      </c>
      <c r="AM14" s="17">
        <v>4.4386700000000001</v>
      </c>
      <c r="AN14" s="17">
        <v>5.8160000000000003E-2</v>
      </c>
      <c r="AO14" s="17">
        <v>62.384920000000001</v>
      </c>
      <c r="AP14" s="17">
        <v>47.190069999999999</v>
      </c>
      <c r="AQ14" s="17">
        <v>47.528179999999999</v>
      </c>
    </row>
    <row r="15" spans="1:43" x14ac:dyDescent="0.15">
      <c r="A15" s="18" t="s">
        <v>8</v>
      </c>
      <c r="B15" s="18" t="s">
        <v>5</v>
      </c>
      <c r="C15" s="18" t="s">
        <v>193</v>
      </c>
      <c r="D15" s="18" t="s">
        <v>192</v>
      </c>
      <c r="E15" s="18" t="s">
        <v>153</v>
      </c>
      <c r="F15" s="16">
        <v>201575</v>
      </c>
      <c r="G15" s="16">
        <v>8143</v>
      </c>
      <c r="H15" s="16">
        <v>8920</v>
      </c>
      <c r="I15" s="16">
        <v>9812</v>
      </c>
      <c r="J15" s="16">
        <v>10162</v>
      </c>
      <c r="K15" s="16">
        <v>9601</v>
      </c>
      <c r="L15" s="16">
        <v>10138</v>
      </c>
      <c r="M15" s="16">
        <v>11533</v>
      </c>
      <c r="N15" s="16">
        <v>14013</v>
      </c>
      <c r="O15" s="16">
        <v>17047</v>
      </c>
      <c r="P15" s="16">
        <v>14229</v>
      </c>
      <c r="Q15" s="16">
        <v>12512</v>
      </c>
      <c r="R15" s="16">
        <v>11728</v>
      </c>
      <c r="S15" s="16">
        <v>13561</v>
      </c>
      <c r="T15" s="16">
        <v>16444</v>
      </c>
      <c r="U15" s="16">
        <v>12354</v>
      </c>
      <c r="V15" s="16">
        <v>9260</v>
      </c>
      <c r="W15" s="16">
        <v>6786</v>
      </c>
      <c r="X15" s="16">
        <v>3807</v>
      </c>
      <c r="Y15" s="16">
        <v>1245</v>
      </c>
      <c r="Z15" s="16">
        <v>247</v>
      </c>
      <c r="AA15" s="16">
        <v>33</v>
      </c>
      <c r="AB15" s="16">
        <v>26875</v>
      </c>
      <c r="AC15" s="16">
        <v>124524</v>
      </c>
      <c r="AD15" s="16">
        <v>50176</v>
      </c>
      <c r="AE15" s="16">
        <v>21378</v>
      </c>
      <c r="AF15" s="16">
        <v>5332</v>
      </c>
      <c r="AG15" s="16">
        <v>130806</v>
      </c>
      <c r="AH15" s="17">
        <v>13.332509999999999</v>
      </c>
      <c r="AI15" s="17">
        <v>61.77552</v>
      </c>
      <c r="AJ15" s="17">
        <v>24.89198</v>
      </c>
      <c r="AK15" s="17">
        <v>31.619499999999999</v>
      </c>
      <c r="AL15" s="17">
        <v>10.60548</v>
      </c>
      <c r="AM15" s="17">
        <v>2.6451699999999998</v>
      </c>
      <c r="AN15" s="17">
        <v>1.6369999999999999E-2</v>
      </c>
      <c r="AO15" s="17">
        <v>64.891980000000004</v>
      </c>
      <c r="AP15" s="17">
        <v>45.22072</v>
      </c>
      <c r="AQ15" s="17">
        <v>45.451749999999997</v>
      </c>
    </row>
    <row r="16" spans="1:43" x14ac:dyDescent="0.15">
      <c r="A16" s="18" t="s">
        <v>8</v>
      </c>
      <c r="B16" s="18" t="s">
        <v>4</v>
      </c>
      <c r="C16" s="18" t="s">
        <v>193</v>
      </c>
      <c r="D16" s="18" t="s">
        <v>192</v>
      </c>
      <c r="E16" s="18" t="s">
        <v>153</v>
      </c>
      <c r="F16" s="16">
        <v>212828</v>
      </c>
      <c r="G16" s="16">
        <v>7795</v>
      </c>
      <c r="H16" s="16">
        <v>8492</v>
      </c>
      <c r="I16" s="16">
        <v>9250</v>
      </c>
      <c r="J16" s="16">
        <v>9335</v>
      </c>
      <c r="K16" s="16">
        <v>8624</v>
      </c>
      <c r="L16" s="16">
        <v>9326</v>
      </c>
      <c r="M16" s="16">
        <v>10731</v>
      </c>
      <c r="N16" s="16">
        <v>13012</v>
      </c>
      <c r="O16" s="16">
        <v>16283</v>
      </c>
      <c r="P16" s="16">
        <v>13425</v>
      </c>
      <c r="Q16" s="16">
        <v>12422</v>
      </c>
      <c r="R16" s="16">
        <v>12000</v>
      </c>
      <c r="S16" s="16">
        <v>14129</v>
      </c>
      <c r="T16" s="16">
        <v>17767</v>
      </c>
      <c r="U16" s="16">
        <v>14502</v>
      </c>
      <c r="V16" s="16">
        <v>11893</v>
      </c>
      <c r="W16" s="16">
        <v>10780</v>
      </c>
      <c r="X16" s="16">
        <v>7698</v>
      </c>
      <c r="Y16" s="16">
        <v>3979</v>
      </c>
      <c r="Z16" s="16">
        <v>1177</v>
      </c>
      <c r="AA16" s="16">
        <v>208</v>
      </c>
      <c r="AB16" s="16">
        <v>25537</v>
      </c>
      <c r="AC16" s="16">
        <v>119287</v>
      </c>
      <c r="AD16" s="16">
        <v>68004</v>
      </c>
      <c r="AE16" s="16">
        <v>35735</v>
      </c>
      <c r="AF16" s="16">
        <v>13062</v>
      </c>
      <c r="AG16" s="16">
        <v>127719</v>
      </c>
      <c r="AH16" s="17">
        <v>11.998889999999999</v>
      </c>
      <c r="AI16" s="17">
        <v>56.048549999999999</v>
      </c>
      <c r="AJ16" s="17">
        <v>31.952559999999998</v>
      </c>
      <c r="AK16" s="17">
        <v>38.591259999999998</v>
      </c>
      <c r="AL16" s="17">
        <v>16.79055</v>
      </c>
      <c r="AM16" s="17">
        <v>6.1373499999999996</v>
      </c>
      <c r="AN16" s="17">
        <v>9.7729999999999997E-2</v>
      </c>
      <c r="AO16" s="17">
        <v>60.010429999999999</v>
      </c>
      <c r="AP16" s="17">
        <v>49.055289999999999</v>
      </c>
      <c r="AQ16" s="17">
        <v>50.051740000000002</v>
      </c>
    </row>
  </sheetData>
  <phoneticPr fontId="3"/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U40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D36" sqref="D36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99" width="12.625" style="11" customWidth="1"/>
    <col min="100" max="16384" width="9" style="11"/>
  </cols>
  <sheetData>
    <row r="1" spans="1:99" x14ac:dyDescent="0.15">
      <c r="A1" s="11" t="s">
        <v>357</v>
      </c>
    </row>
    <row r="2" spans="1:99" x14ac:dyDescent="0.15">
      <c r="A2" s="11" t="s">
        <v>324</v>
      </c>
    </row>
    <row r="3" spans="1:99" x14ac:dyDescent="0.15">
      <c r="A3" s="11" t="s">
        <v>211</v>
      </c>
    </row>
    <row r="4" spans="1:99" hidden="1" x14ac:dyDescent="0.15">
      <c r="A4" s="11" t="s">
        <v>211</v>
      </c>
    </row>
    <row r="5" spans="1:99" collapsed="1" x14ac:dyDescent="0.15">
      <c r="A5" s="11" t="s">
        <v>211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7</v>
      </c>
      <c r="AI5" s="12" t="s">
        <v>7</v>
      </c>
      <c r="AJ5" s="12" t="s">
        <v>7</v>
      </c>
      <c r="AK5" s="12" t="s">
        <v>7</v>
      </c>
      <c r="AL5" s="12" t="s">
        <v>7</v>
      </c>
      <c r="AM5" s="12" t="s">
        <v>7</v>
      </c>
      <c r="AN5" s="12" t="s">
        <v>7</v>
      </c>
      <c r="AO5" s="12" t="s">
        <v>7</v>
      </c>
      <c r="AP5" s="12" t="s">
        <v>7</v>
      </c>
      <c r="AQ5" s="12" t="s">
        <v>7</v>
      </c>
      <c r="AR5" s="12" t="s">
        <v>7</v>
      </c>
      <c r="AS5" s="12" t="s">
        <v>7</v>
      </c>
      <c r="AT5" s="12" t="s">
        <v>7</v>
      </c>
      <c r="AU5" s="12" t="s">
        <v>7</v>
      </c>
      <c r="AV5" s="12" t="s">
        <v>7</v>
      </c>
      <c r="AW5" s="12" t="s">
        <v>7</v>
      </c>
      <c r="AX5" s="12" t="s">
        <v>7</v>
      </c>
      <c r="AY5" s="12" t="s">
        <v>7</v>
      </c>
      <c r="AZ5" s="12" t="s">
        <v>7</v>
      </c>
      <c r="BA5" s="12" t="s">
        <v>7</v>
      </c>
      <c r="BB5" s="12" t="s">
        <v>7</v>
      </c>
      <c r="BC5" s="12" t="s">
        <v>7</v>
      </c>
      <c r="BD5" s="12" t="s">
        <v>7</v>
      </c>
      <c r="BE5" s="12" t="s">
        <v>7</v>
      </c>
      <c r="BF5" s="12" t="s">
        <v>7</v>
      </c>
      <c r="BG5" s="12" t="s">
        <v>7</v>
      </c>
      <c r="BH5" s="12" t="s">
        <v>7</v>
      </c>
      <c r="BI5" s="12" t="s">
        <v>7</v>
      </c>
      <c r="BJ5" s="12" t="s">
        <v>7</v>
      </c>
      <c r="BK5" s="12" t="s">
        <v>7</v>
      </c>
      <c r="BL5" s="12" t="s">
        <v>7</v>
      </c>
      <c r="BM5" s="12" t="s">
        <v>7</v>
      </c>
      <c r="BN5" s="12" t="s">
        <v>7</v>
      </c>
      <c r="BO5" s="12" t="s">
        <v>7</v>
      </c>
      <c r="BP5" s="12" t="s">
        <v>7</v>
      </c>
      <c r="BQ5" s="12" t="s">
        <v>7</v>
      </c>
      <c r="BR5" s="12" t="s">
        <v>7</v>
      </c>
      <c r="BS5" s="12" t="s">
        <v>7</v>
      </c>
      <c r="BT5" s="12" t="s">
        <v>7</v>
      </c>
      <c r="BU5" s="12" t="s">
        <v>7</v>
      </c>
      <c r="BV5" s="12" t="s">
        <v>7</v>
      </c>
      <c r="BW5" s="12" t="s">
        <v>7</v>
      </c>
      <c r="BX5" s="12" t="s">
        <v>7</v>
      </c>
      <c r="BY5" s="12" t="s">
        <v>7</v>
      </c>
      <c r="BZ5" s="12" t="s">
        <v>7</v>
      </c>
      <c r="CA5" s="12" t="s">
        <v>7</v>
      </c>
      <c r="CB5" s="12" t="s">
        <v>7</v>
      </c>
      <c r="CC5" s="12" t="s">
        <v>7</v>
      </c>
      <c r="CD5" s="12" t="s">
        <v>7</v>
      </c>
      <c r="CE5" s="12" t="s">
        <v>7</v>
      </c>
      <c r="CF5" s="12" t="s">
        <v>7</v>
      </c>
      <c r="CG5" s="12" t="s">
        <v>7</v>
      </c>
      <c r="CH5" s="12" t="s">
        <v>7</v>
      </c>
      <c r="CI5" s="12" t="s">
        <v>7</v>
      </c>
      <c r="CJ5" s="12" t="s">
        <v>7</v>
      </c>
      <c r="CK5" s="12" t="s">
        <v>7</v>
      </c>
      <c r="CL5" s="12" t="s">
        <v>7</v>
      </c>
      <c r="CM5" s="12" t="s">
        <v>7</v>
      </c>
      <c r="CN5" s="12" t="s">
        <v>7</v>
      </c>
      <c r="CO5" s="12" t="s">
        <v>7</v>
      </c>
      <c r="CP5" s="12" t="s">
        <v>7</v>
      </c>
      <c r="CQ5" s="12" t="s">
        <v>7</v>
      </c>
      <c r="CR5" s="12" t="s">
        <v>7</v>
      </c>
      <c r="CS5" s="12" t="s">
        <v>7</v>
      </c>
      <c r="CT5" s="12" t="s">
        <v>7</v>
      </c>
      <c r="CU5" s="12" t="s">
        <v>121</v>
      </c>
    </row>
    <row r="6" spans="1:99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  <c r="CU6" s="12"/>
    </row>
    <row r="7" spans="1:99" x14ac:dyDescent="0.15">
      <c r="A7" s="11" t="s">
        <v>211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 t="s">
        <v>187</v>
      </c>
      <c r="AQ7" s="12" t="s">
        <v>187</v>
      </c>
      <c r="AR7" s="12" t="s">
        <v>187</v>
      </c>
      <c r="AS7" s="12" t="s">
        <v>187</v>
      </c>
      <c r="AT7" s="12" t="s">
        <v>187</v>
      </c>
      <c r="AU7" s="12" t="s">
        <v>187</v>
      </c>
      <c r="AV7" s="12" t="s">
        <v>187</v>
      </c>
      <c r="AW7" s="12" t="s">
        <v>187</v>
      </c>
      <c r="AX7" s="12" t="s">
        <v>187</v>
      </c>
      <c r="AY7" s="12" t="s">
        <v>187</v>
      </c>
      <c r="AZ7" s="12" t="s">
        <v>187</v>
      </c>
      <c r="BA7" s="12" t="s">
        <v>187</v>
      </c>
      <c r="BB7" s="12" t="s">
        <v>187</v>
      </c>
      <c r="BC7" s="12" t="s">
        <v>187</v>
      </c>
      <c r="BD7" s="12" t="s">
        <v>187</v>
      </c>
      <c r="BE7" s="12" t="s">
        <v>187</v>
      </c>
      <c r="BF7" s="12" t="s">
        <v>187</v>
      </c>
      <c r="BG7" s="12" t="s">
        <v>187</v>
      </c>
      <c r="BH7" s="12" t="s">
        <v>187</v>
      </c>
      <c r="BI7" s="12" t="s">
        <v>187</v>
      </c>
      <c r="BJ7" s="12" t="s">
        <v>187</v>
      </c>
      <c r="BK7" s="12" t="s">
        <v>187</v>
      </c>
      <c r="BL7" s="12" t="s">
        <v>187</v>
      </c>
      <c r="BM7" s="12" t="s">
        <v>187</v>
      </c>
      <c r="BN7" s="12" t="s">
        <v>187</v>
      </c>
      <c r="BO7" s="12" t="s">
        <v>187</v>
      </c>
      <c r="BP7" s="12" t="s">
        <v>187</v>
      </c>
      <c r="BQ7" s="12" t="s">
        <v>187</v>
      </c>
      <c r="BR7" s="12" t="s">
        <v>187</v>
      </c>
      <c r="BS7" s="12" t="s">
        <v>187</v>
      </c>
      <c r="BT7" s="12" t="s">
        <v>187</v>
      </c>
      <c r="BU7" s="12" t="s">
        <v>187</v>
      </c>
      <c r="BV7" s="12" t="s">
        <v>187</v>
      </c>
      <c r="BW7" s="12" t="s">
        <v>187</v>
      </c>
      <c r="BX7" s="12" t="s">
        <v>187</v>
      </c>
      <c r="BY7" s="12" t="s">
        <v>187</v>
      </c>
      <c r="BZ7" s="12" t="s">
        <v>187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187</v>
      </c>
      <c r="CG7" s="12" t="s">
        <v>187</v>
      </c>
      <c r="CH7" s="12" t="s">
        <v>187</v>
      </c>
      <c r="CI7" s="12" t="s">
        <v>187</v>
      </c>
      <c r="CJ7" s="12" t="s">
        <v>187</v>
      </c>
      <c r="CK7" s="12" t="s">
        <v>187</v>
      </c>
      <c r="CL7" s="12" t="s">
        <v>187</v>
      </c>
      <c r="CM7" s="12" t="s">
        <v>187</v>
      </c>
      <c r="CN7" s="12" t="s">
        <v>187</v>
      </c>
      <c r="CO7" s="12" t="s">
        <v>187</v>
      </c>
      <c r="CP7" s="12" t="s">
        <v>187</v>
      </c>
      <c r="CQ7" s="12" t="s">
        <v>187</v>
      </c>
      <c r="CR7" s="12" t="s">
        <v>187</v>
      </c>
      <c r="CS7" s="12" t="s">
        <v>187</v>
      </c>
      <c r="CT7" s="12" t="s">
        <v>187</v>
      </c>
      <c r="CU7" s="12"/>
    </row>
    <row r="8" spans="1:99" ht="24" x14ac:dyDescent="0.15">
      <c r="A8" s="11" t="s">
        <v>211</v>
      </c>
      <c r="G8" s="12" t="s">
        <v>151</v>
      </c>
      <c r="H8" s="12" t="s">
        <v>215</v>
      </c>
      <c r="I8" s="12" t="s">
        <v>216</v>
      </c>
      <c r="J8" s="12" t="s">
        <v>217</v>
      </c>
      <c r="K8" s="12" t="s">
        <v>218</v>
      </c>
      <c r="L8" s="12" t="s">
        <v>219</v>
      </c>
      <c r="M8" s="12" t="s">
        <v>220</v>
      </c>
      <c r="N8" s="12" t="s">
        <v>221</v>
      </c>
      <c r="O8" s="12" t="s">
        <v>222</v>
      </c>
      <c r="P8" s="12" t="s">
        <v>223</v>
      </c>
      <c r="Q8" s="12" t="s">
        <v>224</v>
      </c>
      <c r="R8" s="12" t="s">
        <v>225</v>
      </c>
      <c r="S8" s="12" t="s">
        <v>226</v>
      </c>
      <c r="T8" s="12" t="s">
        <v>227</v>
      </c>
      <c r="U8" s="12" t="s">
        <v>228</v>
      </c>
      <c r="V8" s="12" t="s">
        <v>229</v>
      </c>
      <c r="W8" s="12" t="s">
        <v>230</v>
      </c>
      <c r="X8" s="12" t="s">
        <v>231</v>
      </c>
      <c r="Y8" s="12" t="s">
        <v>232</v>
      </c>
      <c r="Z8" s="12" t="s">
        <v>233</v>
      </c>
      <c r="AA8" s="12" t="s">
        <v>234</v>
      </c>
      <c r="AB8" s="12" t="s">
        <v>235</v>
      </c>
      <c r="AC8" s="12" t="s">
        <v>236</v>
      </c>
      <c r="AD8" s="12" t="s">
        <v>237</v>
      </c>
      <c r="AE8" s="12" t="s">
        <v>238</v>
      </c>
      <c r="AF8" s="12" t="s">
        <v>239</v>
      </c>
      <c r="AG8" s="12" t="s">
        <v>240</v>
      </c>
      <c r="AH8" s="12" t="s">
        <v>241</v>
      </c>
      <c r="AI8" s="12" t="s">
        <v>242</v>
      </c>
      <c r="AJ8" s="12" t="s">
        <v>243</v>
      </c>
      <c r="AK8" s="12" t="s">
        <v>244</v>
      </c>
      <c r="AL8" s="12" t="s">
        <v>245</v>
      </c>
      <c r="AM8" s="12" t="s">
        <v>246</v>
      </c>
      <c r="AN8" s="12" t="s">
        <v>247</v>
      </c>
      <c r="AO8" s="12" t="s">
        <v>248</v>
      </c>
      <c r="AP8" s="12" t="s">
        <v>249</v>
      </c>
      <c r="AQ8" s="12" t="s">
        <v>250</v>
      </c>
      <c r="AR8" s="12" t="s">
        <v>251</v>
      </c>
      <c r="AS8" s="12" t="s">
        <v>252</v>
      </c>
      <c r="AT8" s="12" t="s">
        <v>253</v>
      </c>
      <c r="AU8" s="12" t="s">
        <v>254</v>
      </c>
      <c r="AV8" s="12" t="s">
        <v>255</v>
      </c>
      <c r="AW8" s="12" t="s">
        <v>256</v>
      </c>
      <c r="AX8" s="12" t="s">
        <v>257</v>
      </c>
      <c r="AY8" s="12" t="s">
        <v>258</v>
      </c>
      <c r="AZ8" s="12" t="s">
        <v>259</v>
      </c>
      <c r="BA8" s="12" t="s">
        <v>260</v>
      </c>
      <c r="BB8" s="12" t="s">
        <v>261</v>
      </c>
      <c r="BC8" s="12" t="s">
        <v>262</v>
      </c>
      <c r="BD8" s="12" t="s">
        <v>263</v>
      </c>
      <c r="BE8" s="12" t="s">
        <v>264</v>
      </c>
      <c r="BF8" s="12" t="s">
        <v>265</v>
      </c>
      <c r="BG8" s="12" t="s">
        <v>266</v>
      </c>
      <c r="BH8" s="12" t="s">
        <v>267</v>
      </c>
      <c r="BI8" s="12" t="s">
        <v>268</v>
      </c>
      <c r="BJ8" s="12" t="s">
        <v>269</v>
      </c>
      <c r="BK8" s="12" t="s">
        <v>270</v>
      </c>
      <c r="BL8" s="12" t="s">
        <v>271</v>
      </c>
      <c r="BM8" s="12" t="s">
        <v>272</v>
      </c>
      <c r="BN8" s="12" t="s">
        <v>273</v>
      </c>
      <c r="BO8" s="12" t="s">
        <v>274</v>
      </c>
      <c r="BP8" s="12" t="s">
        <v>275</v>
      </c>
      <c r="BQ8" s="12" t="s">
        <v>276</v>
      </c>
      <c r="BR8" s="12" t="s">
        <v>277</v>
      </c>
      <c r="BS8" s="12" t="s">
        <v>278</v>
      </c>
      <c r="BT8" s="12" t="s">
        <v>279</v>
      </c>
      <c r="BU8" s="12" t="s">
        <v>280</v>
      </c>
      <c r="BV8" s="12" t="s">
        <v>281</v>
      </c>
      <c r="BW8" s="12" t="s">
        <v>282</v>
      </c>
      <c r="BX8" s="12" t="s">
        <v>283</v>
      </c>
      <c r="BY8" s="12" t="s">
        <v>284</v>
      </c>
      <c r="BZ8" s="12" t="s">
        <v>285</v>
      </c>
      <c r="CA8" s="12" t="s">
        <v>286</v>
      </c>
      <c r="CB8" s="12" t="s">
        <v>287</v>
      </c>
      <c r="CC8" s="12" t="s">
        <v>288</v>
      </c>
      <c r="CD8" s="12" t="s">
        <v>289</v>
      </c>
      <c r="CE8" s="12" t="s">
        <v>290</v>
      </c>
      <c r="CF8" s="12" t="s">
        <v>291</v>
      </c>
      <c r="CG8" s="12" t="s">
        <v>292</v>
      </c>
      <c r="CH8" s="12" t="s">
        <v>293</v>
      </c>
      <c r="CI8" s="12" t="s">
        <v>294</v>
      </c>
      <c r="CJ8" s="12" t="s">
        <v>295</v>
      </c>
      <c r="CK8" s="12" t="s">
        <v>296</v>
      </c>
      <c r="CL8" s="12" t="s">
        <v>297</v>
      </c>
      <c r="CM8" s="12" t="s">
        <v>298</v>
      </c>
      <c r="CN8" s="12" t="s">
        <v>299</v>
      </c>
      <c r="CO8" s="12" t="s">
        <v>300</v>
      </c>
      <c r="CP8" s="12" t="s">
        <v>162</v>
      </c>
      <c r="CQ8" s="12" t="s">
        <v>161</v>
      </c>
      <c r="CR8" s="12" t="s">
        <v>160</v>
      </c>
      <c r="CS8" s="12" t="s">
        <v>159</v>
      </c>
      <c r="CT8" s="12" t="s">
        <v>122</v>
      </c>
      <c r="CU8" s="12"/>
    </row>
    <row r="9" spans="1:99" x14ac:dyDescent="0.15">
      <c r="A9" s="11" t="s">
        <v>211</v>
      </c>
      <c r="G9" s="13" t="s">
        <v>188</v>
      </c>
      <c r="H9" s="13" t="s">
        <v>188</v>
      </c>
      <c r="I9" s="13" t="s">
        <v>188</v>
      </c>
      <c r="J9" s="13" t="s">
        <v>188</v>
      </c>
      <c r="K9" s="13" t="s">
        <v>188</v>
      </c>
      <c r="L9" s="13" t="s">
        <v>188</v>
      </c>
      <c r="M9" s="13" t="s">
        <v>188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188</v>
      </c>
      <c r="T9" s="13" t="s">
        <v>188</v>
      </c>
      <c r="U9" s="13" t="s">
        <v>188</v>
      </c>
      <c r="V9" s="13" t="s">
        <v>188</v>
      </c>
      <c r="W9" s="13" t="s">
        <v>188</v>
      </c>
      <c r="X9" s="13" t="s">
        <v>188</v>
      </c>
      <c r="Y9" s="13" t="s">
        <v>188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188</v>
      </c>
      <c r="AF9" s="13" t="s">
        <v>188</v>
      </c>
      <c r="AG9" s="13" t="s">
        <v>188</v>
      </c>
      <c r="AH9" s="13" t="s">
        <v>188</v>
      </c>
      <c r="AI9" s="13" t="s">
        <v>188</v>
      </c>
      <c r="AJ9" s="13" t="s">
        <v>188</v>
      </c>
      <c r="AK9" s="13" t="s">
        <v>188</v>
      </c>
      <c r="AL9" s="13" t="s">
        <v>188</v>
      </c>
      <c r="AM9" s="13" t="s">
        <v>188</v>
      </c>
      <c r="AN9" s="13" t="s">
        <v>188</v>
      </c>
      <c r="AO9" s="13" t="s">
        <v>188</v>
      </c>
      <c r="AP9" s="13" t="s">
        <v>188</v>
      </c>
      <c r="AQ9" s="13" t="s">
        <v>188</v>
      </c>
      <c r="AR9" s="13" t="s">
        <v>188</v>
      </c>
      <c r="AS9" s="13" t="s">
        <v>188</v>
      </c>
      <c r="AT9" s="13" t="s">
        <v>188</v>
      </c>
      <c r="AU9" s="13" t="s">
        <v>188</v>
      </c>
      <c r="AV9" s="13" t="s">
        <v>188</v>
      </c>
      <c r="AW9" s="13" t="s">
        <v>188</v>
      </c>
      <c r="AX9" s="13" t="s">
        <v>188</v>
      </c>
      <c r="AY9" s="13" t="s">
        <v>188</v>
      </c>
      <c r="AZ9" s="13" t="s">
        <v>188</v>
      </c>
      <c r="BA9" s="13" t="s">
        <v>188</v>
      </c>
      <c r="BB9" s="13" t="s">
        <v>188</v>
      </c>
      <c r="BC9" s="13" t="s">
        <v>188</v>
      </c>
      <c r="BD9" s="13" t="s">
        <v>188</v>
      </c>
      <c r="BE9" s="13" t="s">
        <v>188</v>
      </c>
      <c r="BF9" s="13" t="s">
        <v>188</v>
      </c>
      <c r="BG9" s="13" t="s">
        <v>188</v>
      </c>
      <c r="BH9" s="13" t="s">
        <v>188</v>
      </c>
      <c r="BI9" s="13" t="s">
        <v>188</v>
      </c>
      <c r="BJ9" s="13" t="s">
        <v>188</v>
      </c>
      <c r="BK9" s="13" t="s">
        <v>188</v>
      </c>
      <c r="BL9" s="13" t="s">
        <v>188</v>
      </c>
      <c r="BM9" s="13" t="s">
        <v>188</v>
      </c>
      <c r="BN9" s="13" t="s">
        <v>188</v>
      </c>
      <c r="BO9" s="13" t="s">
        <v>188</v>
      </c>
      <c r="BP9" s="13" t="s">
        <v>188</v>
      </c>
      <c r="BQ9" s="13" t="s">
        <v>188</v>
      </c>
      <c r="BR9" s="13" t="s">
        <v>188</v>
      </c>
      <c r="BS9" s="13" t="s">
        <v>188</v>
      </c>
      <c r="BT9" s="13" t="s">
        <v>188</v>
      </c>
      <c r="BU9" s="13" t="s">
        <v>188</v>
      </c>
      <c r="BV9" s="13" t="s">
        <v>188</v>
      </c>
      <c r="BW9" s="13" t="s">
        <v>188</v>
      </c>
      <c r="BX9" s="13" t="s">
        <v>188</v>
      </c>
      <c r="BY9" s="13" t="s">
        <v>188</v>
      </c>
      <c r="BZ9" s="13" t="s">
        <v>188</v>
      </c>
      <c r="CA9" s="13" t="s">
        <v>188</v>
      </c>
      <c r="CB9" s="13" t="s">
        <v>188</v>
      </c>
      <c r="CC9" s="13" t="s">
        <v>188</v>
      </c>
      <c r="CD9" s="13" t="s">
        <v>188</v>
      </c>
      <c r="CE9" s="13" t="s">
        <v>188</v>
      </c>
      <c r="CF9" s="13" t="s">
        <v>188</v>
      </c>
      <c r="CG9" s="13" t="s">
        <v>188</v>
      </c>
      <c r="CH9" s="13" t="s">
        <v>188</v>
      </c>
      <c r="CI9" s="13" t="s">
        <v>188</v>
      </c>
      <c r="CJ9" s="13" t="s">
        <v>188</v>
      </c>
      <c r="CK9" s="13" t="s">
        <v>188</v>
      </c>
      <c r="CL9" s="13" t="s">
        <v>188</v>
      </c>
      <c r="CM9" s="13" t="s">
        <v>188</v>
      </c>
      <c r="CN9" s="13" t="s">
        <v>188</v>
      </c>
      <c r="CO9" s="13" t="s">
        <v>188</v>
      </c>
      <c r="CP9" s="13" t="s">
        <v>188</v>
      </c>
      <c r="CQ9" s="13" t="s">
        <v>188</v>
      </c>
      <c r="CR9" s="13" t="s">
        <v>188</v>
      </c>
      <c r="CS9" s="13" t="s">
        <v>188</v>
      </c>
      <c r="CT9" s="13" t="s">
        <v>188</v>
      </c>
      <c r="CU9" s="13" t="s">
        <v>189</v>
      </c>
    </row>
    <row r="10" spans="1:99" ht="13.5" x14ac:dyDescent="0.15">
      <c r="A10" s="14" t="s">
        <v>190</v>
      </c>
      <c r="B10" s="14" t="s">
        <v>191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  <c r="CU10" s="15"/>
    </row>
    <row r="11" spans="1:99" x14ac:dyDescent="0.15">
      <c r="A11" s="18" t="s">
        <v>193</v>
      </c>
      <c r="B11" s="18" t="s">
        <v>192</v>
      </c>
      <c r="C11" s="18" t="s">
        <v>153</v>
      </c>
      <c r="D11" s="18" t="s">
        <v>9</v>
      </c>
      <c r="E11" s="18" t="s">
        <v>3</v>
      </c>
      <c r="F11" s="18" t="s">
        <v>3</v>
      </c>
      <c r="G11" s="16">
        <v>365923</v>
      </c>
      <c r="H11" s="16">
        <v>4023</v>
      </c>
      <c r="I11" s="16">
        <v>3997</v>
      </c>
      <c r="J11" s="16">
        <v>4053</v>
      </c>
      <c r="K11" s="16">
        <v>3843</v>
      </c>
      <c r="L11" s="16">
        <v>3719</v>
      </c>
      <c r="M11" s="16">
        <v>3840</v>
      </c>
      <c r="N11" s="16">
        <v>3732</v>
      </c>
      <c r="O11" s="16">
        <v>3722</v>
      </c>
      <c r="P11" s="16">
        <v>3794</v>
      </c>
      <c r="Q11" s="16">
        <v>3725</v>
      </c>
      <c r="R11" s="16">
        <v>3850</v>
      </c>
      <c r="S11" s="16">
        <v>3915</v>
      </c>
      <c r="T11" s="16">
        <v>3981</v>
      </c>
      <c r="U11" s="16">
        <v>4090</v>
      </c>
      <c r="V11" s="16">
        <v>4285</v>
      </c>
      <c r="W11" s="16">
        <v>4394</v>
      </c>
      <c r="X11" s="16">
        <v>4526</v>
      </c>
      <c r="Y11" s="16">
        <v>4516</v>
      </c>
      <c r="Z11" s="16">
        <v>4731</v>
      </c>
      <c r="AA11" s="16">
        <v>4683</v>
      </c>
      <c r="AB11" s="16">
        <v>4944</v>
      </c>
      <c r="AC11" s="16">
        <v>5175</v>
      </c>
      <c r="AD11" s="16">
        <v>5573</v>
      </c>
      <c r="AE11" s="16">
        <v>5705</v>
      </c>
      <c r="AF11" s="16">
        <v>6040</v>
      </c>
      <c r="AG11" s="16">
        <v>6547</v>
      </c>
      <c r="AH11" s="16">
        <v>6859</v>
      </c>
      <c r="AI11" s="16">
        <v>6929</v>
      </c>
      <c r="AJ11" s="16">
        <v>6934</v>
      </c>
      <c r="AK11" s="16">
        <v>6478</v>
      </c>
      <c r="AL11" s="16">
        <v>6077</v>
      </c>
      <c r="AM11" s="16">
        <v>6064</v>
      </c>
      <c r="AN11" s="16">
        <v>5770</v>
      </c>
      <c r="AO11" s="16">
        <v>5721</v>
      </c>
      <c r="AP11" s="16">
        <v>4399</v>
      </c>
      <c r="AQ11" s="16">
        <v>5456</v>
      </c>
      <c r="AR11" s="16">
        <v>5097</v>
      </c>
      <c r="AS11" s="16">
        <v>5169</v>
      </c>
      <c r="AT11" s="16">
        <v>4601</v>
      </c>
      <c r="AU11" s="16">
        <v>4864</v>
      </c>
      <c r="AV11" s="16">
        <v>4876</v>
      </c>
      <c r="AW11" s="16">
        <v>4863</v>
      </c>
      <c r="AX11" s="16">
        <v>4725</v>
      </c>
      <c r="AY11" s="16">
        <v>4603</v>
      </c>
      <c r="AZ11" s="16">
        <v>4802</v>
      </c>
      <c r="BA11" s="16">
        <v>5333</v>
      </c>
      <c r="BB11" s="16">
        <v>5193</v>
      </c>
      <c r="BC11" s="16">
        <v>5646</v>
      </c>
      <c r="BD11" s="16">
        <v>5698</v>
      </c>
      <c r="BE11" s="16">
        <v>5939</v>
      </c>
      <c r="BF11" s="16">
        <v>6838</v>
      </c>
      <c r="BG11" s="16">
        <v>7534</v>
      </c>
      <c r="BH11" s="16">
        <v>7634</v>
      </c>
      <c r="BI11" s="16">
        <v>8141</v>
      </c>
      <c r="BJ11" s="16">
        <v>4151</v>
      </c>
      <c r="BK11" s="16">
        <v>4558</v>
      </c>
      <c r="BL11" s="16">
        <v>5903</v>
      </c>
      <c r="BM11" s="16">
        <v>5404</v>
      </c>
      <c r="BN11" s="16">
        <v>5826</v>
      </c>
      <c r="BO11" s="16">
        <v>5228</v>
      </c>
      <c r="BP11" s="16">
        <v>4668</v>
      </c>
      <c r="BQ11" s="16">
        <v>3855</v>
      </c>
      <c r="BR11" s="16">
        <v>4074</v>
      </c>
      <c r="BS11" s="16">
        <v>4174</v>
      </c>
      <c r="BT11" s="16">
        <v>4422</v>
      </c>
      <c r="BU11" s="16">
        <v>3643</v>
      </c>
      <c r="BV11" s="16">
        <v>3746</v>
      </c>
      <c r="BW11" s="16">
        <v>3690</v>
      </c>
      <c r="BX11" s="16">
        <v>3380</v>
      </c>
      <c r="BY11" s="16">
        <v>3138</v>
      </c>
      <c r="BZ11" s="16">
        <v>2680</v>
      </c>
      <c r="CA11" s="16">
        <v>2647</v>
      </c>
      <c r="CB11" s="16">
        <v>2291</v>
      </c>
      <c r="CC11" s="16">
        <v>2055</v>
      </c>
      <c r="CD11" s="16">
        <v>1842</v>
      </c>
      <c r="CE11" s="16">
        <v>1541</v>
      </c>
      <c r="CF11" s="16">
        <v>1263</v>
      </c>
      <c r="CG11" s="16">
        <v>931</v>
      </c>
      <c r="CH11" s="16">
        <v>833</v>
      </c>
      <c r="CI11" s="16">
        <v>666</v>
      </c>
      <c r="CJ11" s="16">
        <v>528</v>
      </c>
      <c r="CK11" s="16">
        <v>336</v>
      </c>
      <c r="CL11" s="16">
        <v>227</v>
      </c>
      <c r="CM11" s="16">
        <v>183</v>
      </c>
      <c r="CN11" s="16">
        <v>152</v>
      </c>
      <c r="CO11" s="16">
        <v>242</v>
      </c>
      <c r="CP11" s="16">
        <v>247499</v>
      </c>
      <c r="CQ11" s="16">
        <v>118424</v>
      </c>
      <c r="CR11" s="16">
        <v>57207</v>
      </c>
      <c r="CS11" s="16">
        <v>18417</v>
      </c>
      <c r="CT11" s="16">
        <v>262162</v>
      </c>
      <c r="CU11" s="17">
        <v>52.7318</v>
      </c>
    </row>
    <row r="12" spans="1:99" x14ac:dyDescent="0.15">
      <c r="A12" s="18" t="s">
        <v>193</v>
      </c>
      <c r="B12" s="18" t="s">
        <v>192</v>
      </c>
      <c r="C12" s="18" t="s">
        <v>153</v>
      </c>
      <c r="D12" s="18" t="s">
        <v>9</v>
      </c>
      <c r="E12" s="18" t="s">
        <v>3</v>
      </c>
      <c r="F12" s="18" t="s">
        <v>157</v>
      </c>
      <c r="G12" s="16">
        <v>93988</v>
      </c>
      <c r="H12" s="16">
        <v>4023</v>
      </c>
      <c r="I12" s="16">
        <v>3997</v>
      </c>
      <c r="J12" s="16">
        <v>4048</v>
      </c>
      <c r="K12" s="16">
        <v>3825</v>
      </c>
      <c r="L12" s="16">
        <v>3687</v>
      </c>
      <c r="M12" s="16">
        <v>3761</v>
      </c>
      <c r="N12" s="16">
        <v>3612</v>
      </c>
      <c r="O12" s="16">
        <v>3549</v>
      </c>
      <c r="P12" s="16">
        <v>3521</v>
      </c>
      <c r="Q12" s="16">
        <v>3276</v>
      </c>
      <c r="R12" s="16">
        <v>3134</v>
      </c>
      <c r="S12" s="16">
        <v>2863</v>
      </c>
      <c r="T12" s="16">
        <v>2610</v>
      </c>
      <c r="U12" s="16">
        <v>2468</v>
      </c>
      <c r="V12" s="16">
        <v>2278</v>
      </c>
      <c r="W12" s="16">
        <v>2077</v>
      </c>
      <c r="X12" s="16">
        <v>1945</v>
      </c>
      <c r="Y12" s="16">
        <v>1791</v>
      </c>
      <c r="Z12" s="16">
        <v>1709</v>
      </c>
      <c r="AA12" s="16">
        <v>1672</v>
      </c>
      <c r="AB12" s="16">
        <v>1618</v>
      </c>
      <c r="AC12" s="16">
        <v>1567</v>
      </c>
      <c r="AD12" s="16">
        <v>1628</v>
      </c>
      <c r="AE12" s="16">
        <v>1571</v>
      </c>
      <c r="AF12" s="16">
        <v>1625</v>
      </c>
      <c r="AG12" s="16">
        <v>1666</v>
      </c>
      <c r="AH12" s="16">
        <v>1637</v>
      </c>
      <c r="AI12" s="16">
        <v>1555</v>
      </c>
      <c r="AJ12" s="16">
        <v>1590</v>
      </c>
      <c r="AK12" s="16">
        <v>1474</v>
      </c>
      <c r="AL12" s="16">
        <v>1337</v>
      </c>
      <c r="AM12" s="16">
        <v>1288</v>
      </c>
      <c r="AN12" s="16">
        <v>1129</v>
      </c>
      <c r="AO12" s="16">
        <v>1056</v>
      </c>
      <c r="AP12" s="16">
        <v>814</v>
      </c>
      <c r="AQ12" s="16">
        <v>871</v>
      </c>
      <c r="AR12" s="16">
        <v>761</v>
      </c>
      <c r="AS12" s="16">
        <v>758</v>
      </c>
      <c r="AT12" s="16">
        <v>688</v>
      </c>
      <c r="AU12" s="16">
        <v>615</v>
      </c>
      <c r="AV12" s="16">
        <v>606</v>
      </c>
      <c r="AW12" s="16">
        <v>563</v>
      </c>
      <c r="AX12" s="16">
        <v>495</v>
      </c>
      <c r="AY12" s="16">
        <v>467</v>
      </c>
      <c r="AZ12" s="16">
        <v>435</v>
      </c>
      <c r="BA12" s="16">
        <v>444</v>
      </c>
      <c r="BB12" s="16">
        <v>443</v>
      </c>
      <c r="BC12" s="16">
        <v>492</v>
      </c>
      <c r="BD12" s="16">
        <v>475</v>
      </c>
      <c r="BE12" s="16">
        <v>431</v>
      </c>
      <c r="BF12" s="16">
        <v>470</v>
      </c>
      <c r="BG12" s="16">
        <v>464</v>
      </c>
      <c r="BH12" s="16">
        <v>459</v>
      </c>
      <c r="BI12" s="16">
        <v>394</v>
      </c>
      <c r="BJ12" s="16">
        <v>195</v>
      </c>
      <c r="BK12" s="16">
        <v>200</v>
      </c>
      <c r="BL12" s="16">
        <v>234</v>
      </c>
      <c r="BM12" s="16">
        <v>143</v>
      </c>
      <c r="BN12" s="16">
        <v>187</v>
      </c>
      <c r="BO12" s="16">
        <v>161</v>
      </c>
      <c r="BP12" s="16">
        <v>103</v>
      </c>
      <c r="BQ12" s="16">
        <v>89</v>
      </c>
      <c r="BR12" s="16">
        <v>96</v>
      </c>
      <c r="BS12" s="16">
        <v>102</v>
      </c>
      <c r="BT12" s="16">
        <v>96</v>
      </c>
      <c r="BU12" s="16">
        <v>71</v>
      </c>
      <c r="BV12" s="16">
        <v>80</v>
      </c>
      <c r="BW12" s="16">
        <v>62</v>
      </c>
      <c r="BX12" s="16">
        <v>72</v>
      </c>
      <c r="BY12" s="16">
        <v>66</v>
      </c>
      <c r="BZ12" s="16">
        <v>50</v>
      </c>
      <c r="CA12" s="16">
        <v>56</v>
      </c>
      <c r="CB12" s="16">
        <v>32</v>
      </c>
      <c r="CC12" s="16">
        <v>44</v>
      </c>
      <c r="CD12" s="16">
        <v>29</v>
      </c>
      <c r="CE12" s="16">
        <v>27</v>
      </c>
      <c r="CF12" s="16">
        <v>17</v>
      </c>
      <c r="CG12" s="16">
        <v>10</v>
      </c>
      <c r="CH12" s="16">
        <v>14</v>
      </c>
      <c r="CI12" s="16">
        <v>8</v>
      </c>
      <c r="CJ12" s="16">
        <v>3</v>
      </c>
      <c r="CK12" s="16">
        <v>3</v>
      </c>
      <c r="CL12" s="16">
        <v>1</v>
      </c>
      <c r="CM12" s="16">
        <v>3</v>
      </c>
      <c r="CN12" s="16">
        <v>1</v>
      </c>
      <c r="CO12" s="16">
        <v>1</v>
      </c>
      <c r="CP12" s="16">
        <v>89945</v>
      </c>
      <c r="CQ12" s="16">
        <v>4043</v>
      </c>
      <c r="CR12" s="16">
        <v>1136</v>
      </c>
      <c r="CS12" s="16">
        <v>299</v>
      </c>
      <c r="CT12" s="16">
        <v>72347</v>
      </c>
      <c r="CU12" s="17">
        <v>32.783430000000003</v>
      </c>
    </row>
    <row r="13" spans="1:99" x14ac:dyDescent="0.15">
      <c r="A13" s="18" t="s">
        <v>193</v>
      </c>
      <c r="B13" s="18" t="s">
        <v>192</v>
      </c>
      <c r="C13" s="18" t="s">
        <v>153</v>
      </c>
      <c r="D13" s="18" t="s">
        <v>9</v>
      </c>
      <c r="E13" s="18" t="s">
        <v>3</v>
      </c>
      <c r="F13" s="18" t="s">
        <v>156</v>
      </c>
      <c r="G13" s="16">
        <v>216144</v>
      </c>
      <c r="H13" s="16" t="s">
        <v>304</v>
      </c>
      <c r="I13" s="16" t="s">
        <v>304</v>
      </c>
      <c r="J13" s="16">
        <v>5</v>
      </c>
      <c r="K13" s="16">
        <v>15</v>
      </c>
      <c r="L13" s="16">
        <v>30</v>
      </c>
      <c r="M13" s="16">
        <v>72</v>
      </c>
      <c r="N13" s="16">
        <v>111</v>
      </c>
      <c r="O13" s="16">
        <v>160</v>
      </c>
      <c r="P13" s="16">
        <v>262</v>
      </c>
      <c r="Q13" s="16">
        <v>429</v>
      </c>
      <c r="R13" s="16">
        <v>674</v>
      </c>
      <c r="S13" s="16">
        <v>1001</v>
      </c>
      <c r="T13" s="16">
        <v>1325</v>
      </c>
      <c r="U13" s="16">
        <v>1560</v>
      </c>
      <c r="V13" s="16">
        <v>1919</v>
      </c>
      <c r="W13" s="16">
        <v>2199</v>
      </c>
      <c r="X13" s="16">
        <v>2449</v>
      </c>
      <c r="Y13" s="16">
        <v>2586</v>
      </c>
      <c r="Z13" s="16">
        <v>2869</v>
      </c>
      <c r="AA13" s="16">
        <v>2822</v>
      </c>
      <c r="AB13" s="16">
        <v>3109</v>
      </c>
      <c r="AC13" s="16">
        <v>3374</v>
      </c>
      <c r="AD13" s="16">
        <v>3672</v>
      </c>
      <c r="AE13" s="16">
        <v>3861</v>
      </c>
      <c r="AF13" s="16">
        <v>4103</v>
      </c>
      <c r="AG13" s="16">
        <v>4489</v>
      </c>
      <c r="AH13" s="16">
        <v>4792</v>
      </c>
      <c r="AI13" s="16">
        <v>4907</v>
      </c>
      <c r="AJ13" s="16">
        <v>4827</v>
      </c>
      <c r="AK13" s="16">
        <v>4513</v>
      </c>
      <c r="AL13" s="16">
        <v>4240</v>
      </c>
      <c r="AM13" s="16">
        <v>4252</v>
      </c>
      <c r="AN13" s="16">
        <v>4121</v>
      </c>
      <c r="AO13" s="16">
        <v>4153</v>
      </c>
      <c r="AP13" s="16">
        <v>3157</v>
      </c>
      <c r="AQ13" s="16">
        <v>4028</v>
      </c>
      <c r="AR13" s="16">
        <v>3821</v>
      </c>
      <c r="AS13" s="16">
        <v>3900</v>
      </c>
      <c r="AT13" s="16">
        <v>3476</v>
      </c>
      <c r="AU13" s="16">
        <v>3671</v>
      </c>
      <c r="AV13" s="16">
        <v>3738</v>
      </c>
      <c r="AW13" s="16">
        <v>3756</v>
      </c>
      <c r="AX13" s="16">
        <v>3707</v>
      </c>
      <c r="AY13" s="16">
        <v>3626</v>
      </c>
      <c r="AZ13" s="16">
        <v>3814</v>
      </c>
      <c r="BA13" s="16">
        <v>4239</v>
      </c>
      <c r="BB13" s="16">
        <v>4087</v>
      </c>
      <c r="BC13" s="16">
        <v>4383</v>
      </c>
      <c r="BD13" s="16">
        <v>4421</v>
      </c>
      <c r="BE13" s="16">
        <v>4621</v>
      </c>
      <c r="BF13" s="16">
        <v>5320</v>
      </c>
      <c r="BG13" s="16">
        <v>5851</v>
      </c>
      <c r="BH13" s="16">
        <v>5821</v>
      </c>
      <c r="BI13" s="16">
        <v>6319</v>
      </c>
      <c r="BJ13" s="16">
        <v>3170</v>
      </c>
      <c r="BK13" s="16">
        <v>3502</v>
      </c>
      <c r="BL13" s="16">
        <v>4424</v>
      </c>
      <c r="BM13" s="16">
        <v>4111</v>
      </c>
      <c r="BN13" s="16">
        <v>4259</v>
      </c>
      <c r="BO13" s="16">
        <v>3712</v>
      </c>
      <c r="BP13" s="16">
        <v>3300</v>
      </c>
      <c r="BQ13" s="16">
        <v>2620</v>
      </c>
      <c r="BR13" s="16">
        <v>2701</v>
      </c>
      <c r="BS13" s="16">
        <v>2640</v>
      </c>
      <c r="BT13" s="16">
        <v>2684</v>
      </c>
      <c r="BU13" s="16">
        <v>2164</v>
      </c>
      <c r="BV13" s="16">
        <v>2069</v>
      </c>
      <c r="BW13" s="16">
        <v>1847</v>
      </c>
      <c r="BX13" s="16">
        <v>1590</v>
      </c>
      <c r="BY13" s="16">
        <v>1446</v>
      </c>
      <c r="BZ13" s="16">
        <v>1116</v>
      </c>
      <c r="CA13" s="16">
        <v>1026</v>
      </c>
      <c r="CB13" s="16">
        <v>795</v>
      </c>
      <c r="CC13" s="16">
        <v>653</v>
      </c>
      <c r="CD13" s="16">
        <v>522</v>
      </c>
      <c r="CE13" s="16">
        <v>374</v>
      </c>
      <c r="CF13" s="16">
        <v>259</v>
      </c>
      <c r="CG13" s="16">
        <v>164</v>
      </c>
      <c r="CH13" s="16">
        <v>110</v>
      </c>
      <c r="CI13" s="16">
        <v>84</v>
      </c>
      <c r="CJ13" s="16">
        <v>63</v>
      </c>
      <c r="CK13" s="16">
        <v>34</v>
      </c>
      <c r="CL13" s="16">
        <v>19</v>
      </c>
      <c r="CM13" s="16">
        <v>15</v>
      </c>
      <c r="CN13" s="16">
        <v>3</v>
      </c>
      <c r="CO13" s="16">
        <v>11</v>
      </c>
      <c r="CP13" s="16">
        <v>141346</v>
      </c>
      <c r="CQ13" s="16">
        <v>74798</v>
      </c>
      <c r="CR13" s="16">
        <v>28309</v>
      </c>
      <c r="CS13" s="16">
        <v>5248</v>
      </c>
      <c r="CT13" s="16">
        <v>167777</v>
      </c>
      <c r="CU13" s="17">
        <v>56.466270000000002</v>
      </c>
    </row>
    <row r="14" spans="1:99" x14ac:dyDescent="0.15">
      <c r="A14" s="18" t="s">
        <v>193</v>
      </c>
      <c r="B14" s="18" t="s">
        <v>192</v>
      </c>
      <c r="C14" s="18" t="s">
        <v>153</v>
      </c>
      <c r="D14" s="18" t="s">
        <v>9</v>
      </c>
      <c r="E14" s="18" t="s">
        <v>3</v>
      </c>
      <c r="F14" s="18" t="s">
        <v>155</v>
      </c>
      <c r="G14" s="16">
        <v>37179</v>
      </c>
      <c r="H14" s="16" t="s">
        <v>304</v>
      </c>
      <c r="I14" s="16" t="s">
        <v>304</v>
      </c>
      <c r="J14" s="16" t="s">
        <v>304</v>
      </c>
      <c r="K14" s="16">
        <v>1</v>
      </c>
      <c r="L14" s="16" t="s">
        <v>304</v>
      </c>
      <c r="M14" s="16">
        <v>1</v>
      </c>
      <c r="N14" s="16">
        <v>1</v>
      </c>
      <c r="O14" s="16">
        <v>1</v>
      </c>
      <c r="P14" s="16" t="s">
        <v>304</v>
      </c>
      <c r="Q14" s="16">
        <v>1</v>
      </c>
      <c r="R14" s="16">
        <v>1</v>
      </c>
      <c r="S14" s="16">
        <v>2</v>
      </c>
      <c r="T14" s="16" t="s">
        <v>304</v>
      </c>
      <c r="U14" s="16">
        <v>2</v>
      </c>
      <c r="V14" s="16">
        <v>1</v>
      </c>
      <c r="W14" s="16">
        <v>1</v>
      </c>
      <c r="X14" s="16">
        <v>1</v>
      </c>
      <c r="Y14" s="16">
        <v>1</v>
      </c>
      <c r="Z14" s="16">
        <v>5</v>
      </c>
      <c r="AA14" s="16">
        <v>7</v>
      </c>
      <c r="AB14" s="16">
        <v>6</v>
      </c>
      <c r="AC14" s="16">
        <v>6</v>
      </c>
      <c r="AD14" s="16">
        <v>10</v>
      </c>
      <c r="AE14" s="16">
        <v>11</v>
      </c>
      <c r="AF14" s="16">
        <v>18</v>
      </c>
      <c r="AG14" s="16">
        <v>25</v>
      </c>
      <c r="AH14" s="16">
        <v>18</v>
      </c>
      <c r="AI14" s="16">
        <v>30</v>
      </c>
      <c r="AJ14" s="16">
        <v>25</v>
      </c>
      <c r="AK14" s="16">
        <v>32</v>
      </c>
      <c r="AL14" s="16">
        <v>28</v>
      </c>
      <c r="AM14" s="16">
        <v>42</v>
      </c>
      <c r="AN14" s="16">
        <v>50</v>
      </c>
      <c r="AO14" s="16">
        <v>62</v>
      </c>
      <c r="AP14" s="16">
        <v>51</v>
      </c>
      <c r="AQ14" s="16">
        <v>71</v>
      </c>
      <c r="AR14" s="16">
        <v>80</v>
      </c>
      <c r="AS14" s="16">
        <v>86</v>
      </c>
      <c r="AT14" s="16">
        <v>86</v>
      </c>
      <c r="AU14" s="16">
        <v>116</v>
      </c>
      <c r="AV14" s="16">
        <v>131</v>
      </c>
      <c r="AW14" s="16">
        <v>146</v>
      </c>
      <c r="AX14" s="16">
        <v>163</v>
      </c>
      <c r="AY14" s="16">
        <v>151</v>
      </c>
      <c r="AZ14" s="16">
        <v>188</v>
      </c>
      <c r="BA14" s="16">
        <v>253</v>
      </c>
      <c r="BB14" s="16">
        <v>268</v>
      </c>
      <c r="BC14" s="16">
        <v>328</v>
      </c>
      <c r="BD14" s="16">
        <v>376</v>
      </c>
      <c r="BE14" s="16">
        <v>413</v>
      </c>
      <c r="BF14" s="16">
        <v>540</v>
      </c>
      <c r="BG14" s="16">
        <v>665</v>
      </c>
      <c r="BH14" s="16">
        <v>791</v>
      </c>
      <c r="BI14" s="16">
        <v>853</v>
      </c>
      <c r="BJ14" s="16">
        <v>513</v>
      </c>
      <c r="BK14" s="16">
        <v>594</v>
      </c>
      <c r="BL14" s="16">
        <v>847</v>
      </c>
      <c r="BM14" s="16">
        <v>872</v>
      </c>
      <c r="BN14" s="16">
        <v>1055</v>
      </c>
      <c r="BO14" s="16">
        <v>1089</v>
      </c>
      <c r="BP14" s="16">
        <v>1042</v>
      </c>
      <c r="BQ14" s="16">
        <v>965</v>
      </c>
      <c r="BR14" s="16">
        <v>1092</v>
      </c>
      <c r="BS14" s="16">
        <v>1276</v>
      </c>
      <c r="BT14" s="16">
        <v>1534</v>
      </c>
      <c r="BU14" s="16">
        <v>1283</v>
      </c>
      <c r="BV14" s="16">
        <v>1466</v>
      </c>
      <c r="BW14" s="16">
        <v>1687</v>
      </c>
      <c r="BX14" s="16">
        <v>1630</v>
      </c>
      <c r="BY14" s="16">
        <v>1552</v>
      </c>
      <c r="BZ14" s="16">
        <v>1458</v>
      </c>
      <c r="CA14" s="16">
        <v>1513</v>
      </c>
      <c r="CB14" s="16">
        <v>1410</v>
      </c>
      <c r="CC14" s="16">
        <v>1316</v>
      </c>
      <c r="CD14" s="16">
        <v>1253</v>
      </c>
      <c r="CE14" s="16">
        <v>1112</v>
      </c>
      <c r="CF14" s="16">
        <v>970</v>
      </c>
      <c r="CG14" s="16">
        <v>750</v>
      </c>
      <c r="CH14" s="16">
        <v>696</v>
      </c>
      <c r="CI14" s="16">
        <v>569</v>
      </c>
      <c r="CJ14" s="16">
        <v>455</v>
      </c>
      <c r="CK14" s="16">
        <v>294</v>
      </c>
      <c r="CL14" s="16">
        <v>206</v>
      </c>
      <c r="CM14" s="16">
        <v>161</v>
      </c>
      <c r="CN14" s="16">
        <v>147</v>
      </c>
      <c r="CO14" s="16">
        <v>227</v>
      </c>
      <c r="CP14" s="16">
        <v>3296</v>
      </c>
      <c r="CQ14" s="16">
        <v>33883</v>
      </c>
      <c r="CR14" s="16">
        <v>26064</v>
      </c>
      <c r="CS14" s="16">
        <v>12537</v>
      </c>
      <c r="CT14" s="16">
        <v>6657</v>
      </c>
      <c r="CU14" s="17">
        <v>79.635429999999999</v>
      </c>
    </row>
    <row r="15" spans="1:99" x14ac:dyDescent="0.15">
      <c r="A15" s="18" t="s">
        <v>193</v>
      </c>
      <c r="B15" s="18" t="s">
        <v>192</v>
      </c>
      <c r="C15" s="18" t="s">
        <v>153</v>
      </c>
      <c r="D15" s="18" t="s">
        <v>9</v>
      </c>
      <c r="E15" s="18" t="s">
        <v>3</v>
      </c>
      <c r="F15" s="18" t="s">
        <v>154</v>
      </c>
      <c r="G15" s="16">
        <v>18612</v>
      </c>
      <c r="H15" s="16" t="s">
        <v>304</v>
      </c>
      <c r="I15" s="16" t="s">
        <v>304</v>
      </c>
      <c r="J15" s="16" t="s">
        <v>304</v>
      </c>
      <c r="K15" s="16">
        <v>2</v>
      </c>
      <c r="L15" s="16">
        <v>2</v>
      </c>
      <c r="M15" s="16">
        <v>6</v>
      </c>
      <c r="N15" s="16">
        <v>8</v>
      </c>
      <c r="O15" s="16">
        <v>12</v>
      </c>
      <c r="P15" s="16">
        <v>11</v>
      </c>
      <c r="Q15" s="16">
        <v>19</v>
      </c>
      <c r="R15" s="16">
        <v>41</v>
      </c>
      <c r="S15" s="16">
        <v>49</v>
      </c>
      <c r="T15" s="16">
        <v>46</v>
      </c>
      <c r="U15" s="16">
        <v>60</v>
      </c>
      <c r="V15" s="16">
        <v>87</v>
      </c>
      <c r="W15" s="16">
        <v>117</v>
      </c>
      <c r="X15" s="16">
        <v>131</v>
      </c>
      <c r="Y15" s="16">
        <v>138</v>
      </c>
      <c r="Z15" s="16">
        <v>148</v>
      </c>
      <c r="AA15" s="16">
        <v>182</v>
      </c>
      <c r="AB15" s="16">
        <v>211</v>
      </c>
      <c r="AC15" s="16">
        <v>228</v>
      </c>
      <c r="AD15" s="16">
        <v>263</v>
      </c>
      <c r="AE15" s="16">
        <v>262</v>
      </c>
      <c r="AF15" s="16">
        <v>294</v>
      </c>
      <c r="AG15" s="16">
        <v>367</v>
      </c>
      <c r="AH15" s="16">
        <v>412</v>
      </c>
      <c r="AI15" s="16">
        <v>437</v>
      </c>
      <c r="AJ15" s="16">
        <v>492</v>
      </c>
      <c r="AK15" s="16">
        <v>459</v>
      </c>
      <c r="AL15" s="16">
        <v>472</v>
      </c>
      <c r="AM15" s="16">
        <v>482</v>
      </c>
      <c r="AN15" s="16">
        <v>470</v>
      </c>
      <c r="AO15" s="16">
        <v>450</v>
      </c>
      <c r="AP15" s="16">
        <v>377</v>
      </c>
      <c r="AQ15" s="16">
        <v>486</v>
      </c>
      <c r="AR15" s="16">
        <v>435</v>
      </c>
      <c r="AS15" s="16">
        <v>425</v>
      </c>
      <c r="AT15" s="16">
        <v>351</v>
      </c>
      <c r="AU15" s="16">
        <v>462</v>
      </c>
      <c r="AV15" s="16">
        <v>401</v>
      </c>
      <c r="AW15" s="16">
        <v>398</v>
      </c>
      <c r="AX15" s="16">
        <v>360</v>
      </c>
      <c r="AY15" s="16">
        <v>359</v>
      </c>
      <c r="AZ15" s="16">
        <v>365</v>
      </c>
      <c r="BA15" s="16">
        <v>397</v>
      </c>
      <c r="BB15" s="16">
        <v>395</v>
      </c>
      <c r="BC15" s="16">
        <v>443</v>
      </c>
      <c r="BD15" s="16">
        <v>426</v>
      </c>
      <c r="BE15" s="16">
        <v>474</v>
      </c>
      <c r="BF15" s="16">
        <v>508</v>
      </c>
      <c r="BG15" s="16">
        <v>554</v>
      </c>
      <c r="BH15" s="16">
        <v>563</v>
      </c>
      <c r="BI15" s="16">
        <v>575</v>
      </c>
      <c r="BJ15" s="16">
        <v>273</v>
      </c>
      <c r="BK15" s="16">
        <v>262</v>
      </c>
      <c r="BL15" s="16">
        <v>398</v>
      </c>
      <c r="BM15" s="16">
        <v>278</v>
      </c>
      <c r="BN15" s="16">
        <v>325</v>
      </c>
      <c r="BO15" s="16">
        <v>266</v>
      </c>
      <c r="BP15" s="16">
        <v>223</v>
      </c>
      <c r="BQ15" s="16">
        <v>181</v>
      </c>
      <c r="BR15" s="16">
        <v>185</v>
      </c>
      <c r="BS15" s="16">
        <v>156</v>
      </c>
      <c r="BT15" s="16">
        <v>108</v>
      </c>
      <c r="BU15" s="16">
        <v>125</v>
      </c>
      <c r="BV15" s="16">
        <v>131</v>
      </c>
      <c r="BW15" s="16">
        <v>94</v>
      </c>
      <c r="BX15" s="16">
        <v>88</v>
      </c>
      <c r="BY15" s="16">
        <v>74</v>
      </c>
      <c r="BZ15" s="16">
        <v>56</v>
      </c>
      <c r="CA15" s="16">
        <v>52</v>
      </c>
      <c r="CB15" s="16">
        <v>54</v>
      </c>
      <c r="CC15" s="16">
        <v>42</v>
      </c>
      <c r="CD15" s="16">
        <v>38</v>
      </c>
      <c r="CE15" s="16">
        <v>28</v>
      </c>
      <c r="CF15" s="16">
        <v>17</v>
      </c>
      <c r="CG15" s="16">
        <v>7</v>
      </c>
      <c r="CH15" s="16">
        <v>13</v>
      </c>
      <c r="CI15" s="16">
        <v>5</v>
      </c>
      <c r="CJ15" s="16">
        <v>7</v>
      </c>
      <c r="CK15" s="16">
        <v>5</v>
      </c>
      <c r="CL15" s="16">
        <v>1</v>
      </c>
      <c r="CM15" s="16">
        <v>4</v>
      </c>
      <c r="CN15" s="16">
        <v>1</v>
      </c>
      <c r="CO15" s="16">
        <v>3</v>
      </c>
      <c r="CP15" s="16">
        <v>12912</v>
      </c>
      <c r="CQ15" s="16">
        <v>5700</v>
      </c>
      <c r="CR15" s="16">
        <v>1698</v>
      </c>
      <c r="CS15" s="16">
        <v>333</v>
      </c>
      <c r="CT15" s="16">
        <v>15381</v>
      </c>
      <c r="CU15" s="17">
        <v>56.357080000000003</v>
      </c>
    </row>
    <row r="16" spans="1:99" x14ac:dyDescent="0.15">
      <c r="A16" s="18" t="s">
        <v>193</v>
      </c>
      <c r="B16" s="18" t="s">
        <v>192</v>
      </c>
      <c r="C16" s="18" t="s">
        <v>153</v>
      </c>
      <c r="D16" s="18" t="s">
        <v>9</v>
      </c>
      <c r="E16" s="18" t="s">
        <v>5</v>
      </c>
      <c r="F16" s="18" t="s">
        <v>3</v>
      </c>
      <c r="G16" s="16">
        <v>176365</v>
      </c>
      <c r="H16" s="16">
        <v>2126</v>
      </c>
      <c r="I16" s="16">
        <v>2031</v>
      </c>
      <c r="J16" s="16">
        <v>2101</v>
      </c>
      <c r="K16" s="16">
        <v>2005</v>
      </c>
      <c r="L16" s="16">
        <v>1967</v>
      </c>
      <c r="M16" s="16">
        <v>2108</v>
      </c>
      <c r="N16" s="16">
        <v>1936</v>
      </c>
      <c r="O16" s="16">
        <v>1959</v>
      </c>
      <c r="P16" s="16">
        <v>1969</v>
      </c>
      <c r="Q16" s="16">
        <v>1965</v>
      </c>
      <c r="R16" s="16">
        <v>2027</v>
      </c>
      <c r="S16" s="16">
        <v>2042</v>
      </c>
      <c r="T16" s="16">
        <v>2100</v>
      </c>
      <c r="U16" s="16">
        <v>2096</v>
      </c>
      <c r="V16" s="16">
        <v>2227</v>
      </c>
      <c r="W16" s="16">
        <v>2232</v>
      </c>
      <c r="X16" s="16">
        <v>2351</v>
      </c>
      <c r="Y16" s="16">
        <v>2385</v>
      </c>
      <c r="Z16" s="16">
        <v>2428</v>
      </c>
      <c r="AA16" s="16">
        <v>2376</v>
      </c>
      <c r="AB16" s="16">
        <v>2528</v>
      </c>
      <c r="AC16" s="16">
        <v>2646</v>
      </c>
      <c r="AD16" s="16">
        <v>2942</v>
      </c>
      <c r="AE16" s="16">
        <v>2914</v>
      </c>
      <c r="AF16" s="16">
        <v>3122</v>
      </c>
      <c r="AG16" s="16">
        <v>3303</v>
      </c>
      <c r="AH16" s="16">
        <v>3499</v>
      </c>
      <c r="AI16" s="16">
        <v>3531</v>
      </c>
      <c r="AJ16" s="16">
        <v>3567</v>
      </c>
      <c r="AK16" s="16">
        <v>3275</v>
      </c>
      <c r="AL16" s="16">
        <v>3161</v>
      </c>
      <c r="AM16" s="16">
        <v>3182</v>
      </c>
      <c r="AN16" s="16">
        <v>2917</v>
      </c>
      <c r="AO16" s="16">
        <v>2867</v>
      </c>
      <c r="AP16" s="16">
        <v>2200</v>
      </c>
      <c r="AQ16" s="16">
        <v>2700</v>
      </c>
      <c r="AR16" s="16">
        <v>2576</v>
      </c>
      <c r="AS16" s="16">
        <v>2625</v>
      </c>
      <c r="AT16" s="16">
        <v>2341</v>
      </c>
      <c r="AU16" s="16">
        <v>2354</v>
      </c>
      <c r="AV16" s="16">
        <v>2432</v>
      </c>
      <c r="AW16" s="16">
        <v>2388</v>
      </c>
      <c r="AX16" s="16">
        <v>2330</v>
      </c>
      <c r="AY16" s="16">
        <v>2282</v>
      </c>
      <c r="AZ16" s="16">
        <v>2347</v>
      </c>
      <c r="BA16" s="16">
        <v>2619</v>
      </c>
      <c r="BB16" s="16">
        <v>2592</v>
      </c>
      <c r="BC16" s="16">
        <v>2739</v>
      </c>
      <c r="BD16" s="16">
        <v>2815</v>
      </c>
      <c r="BE16" s="16">
        <v>2858</v>
      </c>
      <c r="BF16" s="16">
        <v>3298</v>
      </c>
      <c r="BG16" s="16">
        <v>3694</v>
      </c>
      <c r="BH16" s="16">
        <v>3672</v>
      </c>
      <c r="BI16" s="16">
        <v>3856</v>
      </c>
      <c r="BJ16" s="16">
        <v>1969</v>
      </c>
      <c r="BK16" s="16">
        <v>2141</v>
      </c>
      <c r="BL16" s="16">
        <v>2699</v>
      </c>
      <c r="BM16" s="16">
        <v>2489</v>
      </c>
      <c r="BN16" s="16">
        <v>2666</v>
      </c>
      <c r="BO16" s="16">
        <v>2392</v>
      </c>
      <c r="BP16" s="16">
        <v>2125</v>
      </c>
      <c r="BQ16" s="16">
        <v>1743</v>
      </c>
      <c r="BR16" s="16">
        <v>1790</v>
      </c>
      <c r="BS16" s="16">
        <v>1790</v>
      </c>
      <c r="BT16" s="16">
        <v>1825</v>
      </c>
      <c r="BU16" s="16">
        <v>1527</v>
      </c>
      <c r="BV16" s="16">
        <v>1488</v>
      </c>
      <c r="BW16" s="16">
        <v>1394</v>
      </c>
      <c r="BX16" s="16">
        <v>1219</v>
      </c>
      <c r="BY16" s="16">
        <v>1166</v>
      </c>
      <c r="BZ16" s="16">
        <v>963</v>
      </c>
      <c r="CA16" s="16">
        <v>866</v>
      </c>
      <c r="CB16" s="16">
        <v>768</v>
      </c>
      <c r="CC16" s="16">
        <v>660</v>
      </c>
      <c r="CD16" s="16">
        <v>555</v>
      </c>
      <c r="CE16" s="16">
        <v>410</v>
      </c>
      <c r="CF16" s="16">
        <v>340</v>
      </c>
      <c r="CG16" s="16">
        <v>209</v>
      </c>
      <c r="CH16" s="16">
        <v>160</v>
      </c>
      <c r="CI16" s="16">
        <v>128</v>
      </c>
      <c r="CJ16" s="16">
        <v>105</v>
      </c>
      <c r="CK16" s="16">
        <v>52</v>
      </c>
      <c r="CL16" s="16">
        <v>39</v>
      </c>
      <c r="CM16" s="16">
        <v>35</v>
      </c>
      <c r="CN16" s="16">
        <v>16</v>
      </c>
      <c r="CO16" s="16">
        <v>33</v>
      </c>
      <c r="CP16" s="16">
        <v>126083</v>
      </c>
      <c r="CQ16" s="16">
        <v>50282</v>
      </c>
      <c r="CR16" s="16">
        <v>21406</v>
      </c>
      <c r="CS16" s="16">
        <v>5339</v>
      </c>
      <c r="CT16" s="16">
        <v>132342</v>
      </c>
      <c r="CU16" s="17">
        <v>50.831490000000002</v>
      </c>
    </row>
    <row r="17" spans="1:99" x14ac:dyDescent="0.15">
      <c r="A17" s="18" t="s">
        <v>193</v>
      </c>
      <c r="B17" s="18" t="s">
        <v>192</v>
      </c>
      <c r="C17" s="18" t="s">
        <v>153</v>
      </c>
      <c r="D17" s="18" t="s">
        <v>9</v>
      </c>
      <c r="E17" s="18" t="s">
        <v>5</v>
      </c>
      <c r="F17" s="18" t="s">
        <v>157</v>
      </c>
      <c r="G17" s="16">
        <v>54947</v>
      </c>
      <c r="H17" s="16">
        <v>2126</v>
      </c>
      <c r="I17" s="16">
        <v>2031</v>
      </c>
      <c r="J17" s="16">
        <v>2098</v>
      </c>
      <c r="K17" s="16">
        <v>2001</v>
      </c>
      <c r="L17" s="16">
        <v>1948</v>
      </c>
      <c r="M17" s="16">
        <v>2077</v>
      </c>
      <c r="N17" s="16">
        <v>1890</v>
      </c>
      <c r="O17" s="16">
        <v>1898</v>
      </c>
      <c r="P17" s="16">
        <v>1876</v>
      </c>
      <c r="Q17" s="16">
        <v>1791</v>
      </c>
      <c r="R17" s="16">
        <v>1756</v>
      </c>
      <c r="S17" s="16">
        <v>1606</v>
      </c>
      <c r="T17" s="16">
        <v>1544</v>
      </c>
      <c r="U17" s="16">
        <v>1419</v>
      </c>
      <c r="V17" s="16">
        <v>1348</v>
      </c>
      <c r="W17" s="16">
        <v>1212</v>
      </c>
      <c r="X17" s="16">
        <v>1174</v>
      </c>
      <c r="Y17" s="16">
        <v>1110</v>
      </c>
      <c r="Z17" s="16">
        <v>1031</v>
      </c>
      <c r="AA17" s="16">
        <v>1038</v>
      </c>
      <c r="AB17" s="16">
        <v>999</v>
      </c>
      <c r="AC17" s="16">
        <v>982</v>
      </c>
      <c r="AD17" s="16">
        <v>1055</v>
      </c>
      <c r="AE17" s="16">
        <v>1000</v>
      </c>
      <c r="AF17" s="16">
        <v>1058</v>
      </c>
      <c r="AG17" s="16">
        <v>1056</v>
      </c>
      <c r="AH17" s="16">
        <v>1039</v>
      </c>
      <c r="AI17" s="16">
        <v>969</v>
      </c>
      <c r="AJ17" s="16">
        <v>1047</v>
      </c>
      <c r="AK17" s="16">
        <v>956</v>
      </c>
      <c r="AL17" s="16">
        <v>895</v>
      </c>
      <c r="AM17" s="16">
        <v>870</v>
      </c>
      <c r="AN17" s="16">
        <v>747</v>
      </c>
      <c r="AO17" s="16">
        <v>679</v>
      </c>
      <c r="AP17" s="16">
        <v>531</v>
      </c>
      <c r="AQ17" s="16">
        <v>563</v>
      </c>
      <c r="AR17" s="16">
        <v>508</v>
      </c>
      <c r="AS17" s="16">
        <v>503</v>
      </c>
      <c r="AT17" s="16">
        <v>476</v>
      </c>
      <c r="AU17" s="16">
        <v>419</v>
      </c>
      <c r="AV17" s="16">
        <v>421</v>
      </c>
      <c r="AW17" s="16">
        <v>384</v>
      </c>
      <c r="AX17" s="16">
        <v>354</v>
      </c>
      <c r="AY17" s="16">
        <v>334</v>
      </c>
      <c r="AZ17" s="16">
        <v>297</v>
      </c>
      <c r="BA17" s="16">
        <v>325</v>
      </c>
      <c r="BB17" s="16">
        <v>335</v>
      </c>
      <c r="BC17" s="16">
        <v>370</v>
      </c>
      <c r="BD17" s="16">
        <v>362</v>
      </c>
      <c r="BE17" s="16">
        <v>310</v>
      </c>
      <c r="BF17" s="16">
        <v>345</v>
      </c>
      <c r="BG17" s="16">
        <v>319</v>
      </c>
      <c r="BH17" s="16">
        <v>289</v>
      </c>
      <c r="BI17" s="16">
        <v>250</v>
      </c>
      <c r="BJ17" s="16">
        <v>123</v>
      </c>
      <c r="BK17" s="16">
        <v>107</v>
      </c>
      <c r="BL17" s="16">
        <v>122</v>
      </c>
      <c r="BM17" s="16">
        <v>81</v>
      </c>
      <c r="BN17" s="16">
        <v>98</v>
      </c>
      <c r="BO17" s="16">
        <v>75</v>
      </c>
      <c r="BP17" s="16">
        <v>45</v>
      </c>
      <c r="BQ17" s="16">
        <v>32</v>
      </c>
      <c r="BR17" s="16">
        <v>33</v>
      </c>
      <c r="BS17" s="16">
        <v>34</v>
      </c>
      <c r="BT17" s="16">
        <v>36</v>
      </c>
      <c r="BU17" s="16">
        <v>22</v>
      </c>
      <c r="BV17" s="16">
        <v>20</v>
      </c>
      <c r="BW17" s="16">
        <v>18</v>
      </c>
      <c r="BX17" s="16">
        <v>18</v>
      </c>
      <c r="BY17" s="16">
        <v>19</v>
      </c>
      <c r="BZ17" s="16">
        <v>7</v>
      </c>
      <c r="CA17" s="16">
        <v>10</v>
      </c>
      <c r="CB17" s="16">
        <v>8</v>
      </c>
      <c r="CC17" s="16">
        <v>7</v>
      </c>
      <c r="CD17" s="16">
        <v>3</v>
      </c>
      <c r="CE17" s="16">
        <v>2</v>
      </c>
      <c r="CF17" s="16">
        <v>2</v>
      </c>
      <c r="CG17" s="16">
        <v>2</v>
      </c>
      <c r="CH17" s="16">
        <v>1</v>
      </c>
      <c r="CI17" s="16">
        <v>1</v>
      </c>
      <c r="CJ17" s="16" t="s">
        <v>304</v>
      </c>
      <c r="CK17" s="16" t="s">
        <v>304</v>
      </c>
      <c r="CL17" s="16" t="s">
        <v>304</v>
      </c>
      <c r="CM17" s="16" t="s">
        <v>304</v>
      </c>
      <c r="CN17" s="16" t="s">
        <v>304</v>
      </c>
      <c r="CO17" s="16" t="s">
        <v>304</v>
      </c>
      <c r="CP17" s="16">
        <v>52818</v>
      </c>
      <c r="CQ17" s="16">
        <v>2129</v>
      </c>
      <c r="CR17" s="16">
        <v>320</v>
      </c>
      <c r="CS17" s="16">
        <v>43</v>
      </c>
      <c r="CT17" s="16">
        <v>43940</v>
      </c>
      <c r="CU17" s="17">
        <v>33.715699999999998</v>
      </c>
    </row>
    <row r="18" spans="1:99" x14ac:dyDescent="0.15">
      <c r="A18" s="18" t="s">
        <v>193</v>
      </c>
      <c r="B18" s="18" t="s">
        <v>192</v>
      </c>
      <c r="C18" s="18" t="s">
        <v>153</v>
      </c>
      <c r="D18" s="18" t="s">
        <v>9</v>
      </c>
      <c r="E18" s="18" t="s">
        <v>5</v>
      </c>
      <c r="F18" s="18" t="s">
        <v>156</v>
      </c>
      <c r="G18" s="16">
        <v>108417</v>
      </c>
      <c r="H18" s="16" t="s">
        <v>304</v>
      </c>
      <c r="I18" s="16" t="s">
        <v>304</v>
      </c>
      <c r="J18" s="16">
        <v>3</v>
      </c>
      <c r="K18" s="16">
        <v>4</v>
      </c>
      <c r="L18" s="16">
        <v>18</v>
      </c>
      <c r="M18" s="16">
        <v>29</v>
      </c>
      <c r="N18" s="16">
        <v>45</v>
      </c>
      <c r="O18" s="16">
        <v>58</v>
      </c>
      <c r="P18" s="16">
        <v>90</v>
      </c>
      <c r="Q18" s="16">
        <v>167</v>
      </c>
      <c r="R18" s="16">
        <v>257</v>
      </c>
      <c r="S18" s="16">
        <v>419</v>
      </c>
      <c r="T18" s="16">
        <v>541</v>
      </c>
      <c r="U18" s="16">
        <v>659</v>
      </c>
      <c r="V18" s="16">
        <v>851</v>
      </c>
      <c r="W18" s="16">
        <v>984</v>
      </c>
      <c r="X18" s="16">
        <v>1127</v>
      </c>
      <c r="Y18" s="16">
        <v>1222</v>
      </c>
      <c r="Z18" s="16">
        <v>1348</v>
      </c>
      <c r="AA18" s="16">
        <v>1270</v>
      </c>
      <c r="AB18" s="16">
        <v>1446</v>
      </c>
      <c r="AC18" s="16">
        <v>1585</v>
      </c>
      <c r="AD18" s="16">
        <v>1792</v>
      </c>
      <c r="AE18" s="16">
        <v>1819</v>
      </c>
      <c r="AF18" s="16">
        <v>1964</v>
      </c>
      <c r="AG18" s="16">
        <v>2118</v>
      </c>
      <c r="AH18" s="16">
        <v>2308</v>
      </c>
      <c r="AI18" s="16">
        <v>2392</v>
      </c>
      <c r="AJ18" s="16">
        <v>2329</v>
      </c>
      <c r="AK18" s="16">
        <v>2147</v>
      </c>
      <c r="AL18" s="16">
        <v>2083</v>
      </c>
      <c r="AM18" s="16">
        <v>2099</v>
      </c>
      <c r="AN18" s="16">
        <v>1980</v>
      </c>
      <c r="AO18" s="16">
        <v>2010</v>
      </c>
      <c r="AP18" s="16">
        <v>1506</v>
      </c>
      <c r="AQ18" s="16">
        <v>1941</v>
      </c>
      <c r="AR18" s="16">
        <v>1874</v>
      </c>
      <c r="AS18" s="16">
        <v>1941</v>
      </c>
      <c r="AT18" s="16">
        <v>1700</v>
      </c>
      <c r="AU18" s="16">
        <v>1729</v>
      </c>
      <c r="AV18" s="16">
        <v>1829</v>
      </c>
      <c r="AW18" s="16">
        <v>1797</v>
      </c>
      <c r="AX18" s="16">
        <v>1796</v>
      </c>
      <c r="AY18" s="16">
        <v>1757</v>
      </c>
      <c r="AZ18" s="16">
        <v>1850</v>
      </c>
      <c r="BA18" s="16">
        <v>2078</v>
      </c>
      <c r="BB18" s="16">
        <v>2026</v>
      </c>
      <c r="BC18" s="16">
        <v>2080</v>
      </c>
      <c r="BD18" s="16">
        <v>2193</v>
      </c>
      <c r="BE18" s="16">
        <v>2254</v>
      </c>
      <c r="BF18" s="16">
        <v>2615</v>
      </c>
      <c r="BG18" s="16">
        <v>2977</v>
      </c>
      <c r="BH18" s="16">
        <v>2991</v>
      </c>
      <c r="BI18" s="16">
        <v>3195</v>
      </c>
      <c r="BJ18" s="16">
        <v>1633</v>
      </c>
      <c r="BK18" s="16">
        <v>1797</v>
      </c>
      <c r="BL18" s="16">
        <v>2274</v>
      </c>
      <c r="BM18" s="16">
        <v>2147</v>
      </c>
      <c r="BN18" s="16">
        <v>2267</v>
      </c>
      <c r="BO18" s="16">
        <v>2021</v>
      </c>
      <c r="BP18" s="16">
        <v>1837</v>
      </c>
      <c r="BQ18" s="16">
        <v>1488</v>
      </c>
      <c r="BR18" s="16">
        <v>1479</v>
      </c>
      <c r="BS18" s="16">
        <v>1491</v>
      </c>
      <c r="BT18" s="16">
        <v>1556</v>
      </c>
      <c r="BU18" s="16">
        <v>1252</v>
      </c>
      <c r="BV18" s="16">
        <v>1246</v>
      </c>
      <c r="BW18" s="16">
        <v>1097</v>
      </c>
      <c r="BX18" s="16">
        <v>947</v>
      </c>
      <c r="BY18" s="16">
        <v>917</v>
      </c>
      <c r="BZ18" s="16">
        <v>737</v>
      </c>
      <c r="CA18" s="16">
        <v>674</v>
      </c>
      <c r="CB18" s="16">
        <v>565</v>
      </c>
      <c r="CC18" s="16">
        <v>448</v>
      </c>
      <c r="CD18" s="16">
        <v>379</v>
      </c>
      <c r="CE18" s="16">
        <v>268</v>
      </c>
      <c r="CF18" s="16">
        <v>205</v>
      </c>
      <c r="CG18" s="16">
        <v>127</v>
      </c>
      <c r="CH18" s="16">
        <v>89</v>
      </c>
      <c r="CI18" s="16">
        <v>66</v>
      </c>
      <c r="CJ18" s="16">
        <v>50</v>
      </c>
      <c r="CK18" s="16">
        <v>30</v>
      </c>
      <c r="CL18" s="16">
        <v>15</v>
      </c>
      <c r="CM18" s="16">
        <v>11</v>
      </c>
      <c r="CN18" s="16">
        <v>3</v>
      </c>
      <c r="CO18" s="16">
        <v>8</v>
      </c>
      <c r="CP18" s="16">
        <v>67515</v>
      </c>
      <c r="CQ18" s="16">
        <v>40902</v>
      </c>
      <c r="CR18" s="16">
        <v>16985</v>
      </c>
      <c r="CS18" s="16">
        <v>3675</v>
      </c>
      <c r="CT18" s="16">
        <v>80901</v>
      </c>
      <c r="CU18" s="17">
        <v>57.706119999999999</v>
      </c>
    </row>
    <row r="19" spans="1:99" x14ac:dyDescent="0.15">
      <c r="A19" s="18" t="s">
        <v>193</v>
      </c>
      <c r="B19" s="18" t="s">
        <v>192</v>
      </c>
      <c r="C19" s="18" t="s">
        <v>153</v>
      </c>
      <c r="D19" s="18" t="s">
        <v>9</v>
      </c>
      <c r="E19" s="18" t="s">
        <v>5</v>
      </c>
      <c r="F19" s="18" t="s">
        <v>155</v>
      </c>
      <c r="G19" s="16">
        <v>5694</v>
      </c>
      <c r="H19" s="16" t="s">
        <v>304</v>
      </c>
      <c r="I19" s="16" t="s">
        <v>304</v>
      </c>
      <c r="J19" s="16" t="s">
        <v>304</v>
      </c>
      <c r="K19" s="16" t="s">
        <v>304</v>
      </c>
      <c r="L19" s="16" t="s">
        <v>304</v>
      </c>
      <c r="M19" s="16" t="s">
        <v>304</v>
      </c>
      <c r="N19" s="16" t="s">
        <v>304</v>
      </c>
      <c r="O19" s="16" t="s">
        <v>304</v>
      </c>
      <c r="P19" s="16" t="s">
        <v>304</v>
      </c>
      <c r="Q19" s="16" t="s">
        <v>304</v>
      </c>
      <c r="R19" s="16" t="s">
        <v>304</v>
      </c>
      <c r="S19" s="16">
        <v>2</v>
      </c>
      <c r="T19" s="16" t="s">
        <v>304</v>
      </c>
      <c r="U19" s="16" t="s">
        <v>304</v>
      </c>
      <c r="V19" s="16" t="s">
        <v>304</v>
      </c>
      <c r="W19" s="16" t="s">
        <v>304</v>
      </c>
      <c r="X19" s="16" t="s">
        <v>304</v>
      </c>
      <c r="Y19" s="16" t="s">
        <v>304</v>
      </c>
      <c r="Z19" s="16">
        <v>1</v>
      </c>
      <c r="AA19" s="16" t="s">
        <v>304</v>
      </c>
      <c r="AB19" s="16">
        <v>3</v>
      </c>
      <c r="AC19" s="16" t="s">
        <v>304</v>
      </c>
      <c r="AD19" s="16">
        <v>3</v>
      </c>
      <c r="AE19" s="16">
        <v>5</v>
      </c>
      <c r="AF19" s="16">
        <v>2</v>
      </c>
      <c r="AG19" s="16">
        <v>7</v>
      </c>
      <c r="AH19" s="16">
        <v>3</v>
      </c>
      <c r="AI19" s="16">
        <v>6</v>
      </c>
      <c r="AJ19" s="16">
        <v>4</v>
      </c>
      <c r="AK19" s="16">
        <v>12</v>
      </c>
      <c r="AL19" s="16">
        <v>7</v>
      </c>
      <c r="AM19" s="16">
        <v>9</v>
      </c>
      <c r="AN19" s="16">
        <v>11</v>
      </c>
      <c r="AO19" s="16">
        <v>11</v>
      </c>
      <c r="AP19" s="16">
        <v>13</v>
      </c>
      <c r="AQ19" s="16">
        <v>10</v>
      </c>
      <c r="AR19" s="16">
        <v>19</v>
      </c>
      <c r="AS19" s="16">
        <v>18</v>
      </c>
      <c r="AT19" s="16">
        <v>20</v>
      </c>
      <c r="AU19" s="16">
        <v>20</v>
      </c>
      <c r="AV19" s="16">
        <v>24</v>
      </c>
      <c r="AW19" s="16">
        <v>30</v>
      </c>
      <c r="AX19" s="16">
        <v>30</v>
      </c>
      <c r="AY19" s="16">
        <v>36</v>
      </c>
      <c r="AZ19" s="16">
        <v>37</v>
      </c>
      <c r="BA19" s="16">
        <v>51</v>
      </c>
      <c r="BB19" s="16">
        <v>62</v>
      </c>
      <c r="BC19" s="16">
        <v>77</v>
      </c>
      <c r="BD19" s="16">
        <v>71</v>
      </c>
      <c r="BE19" s="16">
        <v>93</v>
      </c>
      <c r="BF19" s="16">
        <v>110</v>
      </c>
      <c r="BG19" s="16">
        <v>132</v>
      </c>
      <c r="BH19" s="16">
        <v>181</v>
      </c>
      <c r="BI19" s="16">
        <v>148</v>
      </c>
      <c r="BJ19" s="16">
        <v>98</v>
      </c>
      <c r="BK19" s="16">
        <v>126</v>
      </c>
      <c r="BL19" s="16">
        <v>152</v>
      </c>
      <c r="BM19" s="16">
        <v>150</v>
      </c>
      <c r="BN19" s="16">
        <v>165</v>
      </c>
      <c r="BO19" s="16">
        <v>192</v>
      </c>
      <c r="BP19" s="16">
        <v>148</v>
      </c>
      <c r="BQ19" s="16">
        <v>152</v>
      </c>
      <c r="BR19" s="16">
        <v>200</v>
      </c>
      <c r="BS19" s="16">
        <v>194</v>
      </c>
      <c r="BT19" s="16">
        <v>201</v>
      </c>
      <c r="BU19" s="16">
        <v>218</v>
      </c>
      <c r="BV19" s="16">
        <v>181</v>
      </c>
      <c r="BW19" s="16">
        <v>249</v>
      </c>
      <c r="BX19" s="16">
        <v>221</v>
      </c>
      <c r="BY19" s="16">
        <v>215</v>
      </c>
      <c r="BZ19" s="16">
        <v>201</v>
      </c>
      <c r="CA19" s="16">
        <v>174</v>
      </c>
      <c r="CB19" s="16">
        <v>191</v>
      </c>
      <c r="CC19" s="16">
        <v>198</v>
      </c>
      <c r="CD19" s="16">
        <v>160</v>
      </c>
      <c r="CE19" s="16">
        <v>135</v>
      </c>
      <c r="CF19" s="16">
        <v>133</v>
      </c>
      <c r="CG19" s="16">
        <v>80</v>
      </c>
      <c r="CH19" s="16">
        <v>69</v>
      </c>
      <c r="CI19" s="16">
        <v>61</v>
      </c>
      <c r="CJ19" s="16">
        <v>55</v>
      </c>
      <c r="CK19" s="16">
        <v>22</v>
      </c>
      <c r="CL19" s="16">
        <v>24</v>
      </c>
      <c r="CM19" s="16">
        <v>24</v>
      </c>
      <c r="CN19" s="16">
        <v>13</v>
      </c>
      <c r="CO19" s="16">
        <v>24</v>
      </c>
      <c r="CP19" s="16">
        <v>697</v>
      </c>
      <c r="CQ19" s="16">
        <v>4997</v>
      </c>
      <c r="CR19" s="16">
        <v>3543</v>
      </c>
      <c r="CS19" s="16">
        <v>1564</v>
      </c>
      <c r="CT19" s="16">
        <v>1366</v>
      </c>
      <c r="CU19" s="17">
        <v>77.632239999999996</v>
      </c>
    </row>
    <row r="20" spans="1:99" x14ac:dyDescent="0.15">
      <c r="A20" s="18" t="s">
        <v>193</v>
      </c>
      <c r="B20" s="18" t="s">
        <v>192</v>
      </c>
      <c r="C20" s="18" t="s">
        <v>153</v>
      </c>
      <c r="D20" s="18" t="s">
        <v>9</v>
      </c>
      <c r="E20" s="18" t="s">
        <v>5</v>
      </c>
      <c r="F20" s="18" t="s">
        <v>154</v>
      </c>
      <c r="G20" s="16">
        <v>7307</v>
      </c>
      <c r="H20" s="16" t="s">
        <v>304</v>
      </c>
      <c r="I20" s="16" t="s">
        <v>304</v>
      </c>
      <c r="J20" s="16" t="s">
        <v>304</v>
      </c>
      <c r="K20" s="16" t="s">
        <v>304</v>
      </c>
      <c r="L20" s="16">
        <v>1</v>
      </c>
      <c r="M20" s="16">
        <v>2</v>
      </c>
      <c r="N20" s="16">
        <v>1</v>
      </c>
      <c r="O20" s="16">
        <v>3</v>
      </c>
      <c r="P20" s="16">
        <v>3</v>
      </c>
      <c r="Q20" s="16">
        <v>7</v>
      </c>
      <c r="R20" s="16">
        <v>14</v>
      </c>
      <c r="S20" s="16">
        <v>15</v>
      </c>
      <c r="T20" s="16">
        <v>15</v>
      </c>
      <c r="U20" s="16">
        <v>18</v>
      </c>
      <c r="V20" s="16">
        <v>28</v>
      </c>
      <c r="W20" s="16">
        <v>36</v>
      </c>
      <c r="X20" s="16">
        <v>50</v>
      </c>
      <c r="Y20" s="16">
        <v>53</v>
      </c>
      <c r="Z20" s="16">
        <v>48</v>
      </c>
      <c r="AA20" s="16">
        <v>68</v>
      </c>
      <c r="AB20" s="16">
        <v>80</v>
      </c>
      <c r="AC20" s="16">
        <v>79</v>
      </c>
      <c r="AD20" s="16">
        <v>92</v>
      </c>
      <c r="AE20" s="16">
        <v>90</v>
      </c>
      <c r="AF20" s="16">
        <v>98</v>
      </c>
      <c r="AG20" s="16">
        <v>122</v>
      </c>
      <c r="AH20" s="16">
        <v>149</v>
      </c>
      <c r="AI20" s="16">
        <v>164</v>
      </c>
      <c r="AJ20" s="16">
        <v>187</v>
      </c>
      <c r="AK20" s="16">
        <v>160</v>
      </c>
      <c r="AL20" s="16">
        <v>176</v>
      </c>
      <c r="AM20" s="16">
        <v>204</v>
      </c>
      <c r="AN20" s="16">
        <v>179</v>
      </c>
      <c r="AO20" s="16">
        <v>167</v>
      </c>
      <c r="AP20" s="16">
        <v>150</v>
      </c>
      <c r="AQ20" s="16">
        <v>186</v>
      </c>
      <c r="AR20" s="16">
        <v>175</v>
      </c>
      <c r="AS20" s="16">
        <v>163</v>
      </c>
      <c r="AT20" s="16">
        <v>145</v>
      </c>
      <c r="AU20" s="16">
        <v>186</v>
      </c>
      <c r="AV20" s="16">
        <v>158</v>
      </c>
      <c r="AW20" s="16">
        <v>177</v>
      </c>
      <c r="AX20" s="16">
        <v>150</v>
      </c>
      <c r="AY20" s="16">
        <v>155</v>
      </c>
      <c r="AZ20" s="16">
        <v>163</v>
      </c>
      <c r="BA20" s="16">
        <v>165</v>
      </c>
      <c r="BB20" s="16">
        <v>169</v>
      </c>
      <c r="BC20" s="16">
        <v>212</v>
      </c>
      <c r="BD20" s="16">
        <v>189</v>
      </c>
      <c r="BE20" s="16">
        <v>201</v>
      </c>
      <c r="BF20" s="16">
        <v>228</v>
      </c>
      <c r="BG20" s="16">
        <v>266</v>
      </c>
      <c r="BH20" s="16">
        <v>211</v>
      </c>
      <c r="BI20" s="16">
        <v>263</v>
      </c>
      <c r="BJ20" s="16">
        <v>115</v>
      </c>
      <c r="BK20" s="16">
        <v>111</v>
      </c>
      <c r="BL20" s="16">
        <v>151</v>
      </c>
      <c r="BM20" s="16">
        <v>111</v>
      </c>
      <c r="BN20" s="16">
        <v>136</v>
      </c>
      <c r="BO20" s="16">
        <v>104</v>
      </c>
      <c r="BP20" s="16">
        <v>95</v>
      </c>
      <c r="BQ20" s="16">
        <v>71</v>
      </c>
      <c r="BR20" s="16">
        <v>78</v>
      </c>
      <c r="BS20" s="16">
        <v>71</v>
      </c>
      <c r="BT20" s="16">
        <v>32</v>
      </c>
      <c r="BU20" s="16">
        <v>35</v>
      </c>
      <c r="BV20" s="16">
        <v>41</v>
      </c>
      <c r="BW20" s="16">
        <v>30</v>
      </c>
      <c r="BX20" s="16">
        <v>33</v>
      </c>
      <c r="BY20" s="16">
        <v>15</v>
      </c>
      <c r="BZ20" s="16">
        <v>18</v>
      </c>
      <c r="CA20" s="16">
        <v>8</v>
      </c>
      <c r="CB20" s="16">
        <v>4</v>
      </c>
      <c r="CC20" s="16">
        <v>7</v>
      </c>
      <c r="CD20" s="16">
        <v>13</v>
      </c>
      <c r="CE20" s="16">
        <v>5</v>
      </c>
      <c r="CF20" s="16" t="s">
        <v>304</v>
      </c>
      <c r="CG20" s="16" t="s">
        <v>304</v>
      </c>
      <c r="CH20" s="16">
        <v>1</v>
      </c>
      <c r="CI20" s="16" t="s">
        <v>304</v>
      </c>
      <c r="CJ20" s="16" t="s">
        <v>304</v>
      </c>
      <c r="CK20" s="16" t="s">
        <v>304</v>
      </c>
      <c r="CL20" s="16" t="s">
        <v>304</v>
      </c>
      <c r="CM20" s="16" t="s">
        <v>304</v>
      </c>
      <c r="CN20" s="16" t="s">
        <v>304</v>
      </c>
      <c r="CO20" s="16">
        <v>1</v>
      </c>
      <c r="CP20" s="16">
        <v>5053</v>
      </c>
      <c r="CQ20" s="16">
        <v>2254</v>
      </c>
      <c r="CR20" s="16">
        <v>558</v>
      </c>
      <c r="CS20" s="16">
        <v>57</v>
      </c>
      <c r="CT20" s="16">
        <v>6135</v>
      </c>
      <c r="CU20" s="17">
        <v>56.652180000000001</v>
      </c>
    </row>
    <row r="21" spans="1:99" x14ac:dyDescent="0.15">
      <c r="A21" s="18" t="s">
        <v>193</v>
      </c>
      <c r="B21" s="18" t="s">
        <v>192</v>
      </c>
      <c r="C21" s="18" t="s">
        <v>153</v>
      </c>
      <c r="D21" s="18" t="s">
        <v>9</v>
      </c>
      <c r="E21" s="18" t="s">
        <v>4</v>
      </c>
      <c r="F21" s="18" t="s">
        <v>3</v>
      </c>
      <c r="G21" s="16">
        <v>189558</v>
      </c>
      <c r="H21" s="16">
        <v>1897</v>
      </c>
      <c r="I21" s="16">
        <v>1966</v>
      </c>
      <c r="J21" s="16">
        <v>1952</v>
      </c>
      <c r="K21" s="16">
        <v>1838</v>
      </c>
      <c r="L21" s="16">
        <v>1752</v>
      </c>
      <c r="M21" s="16">
        <v>1732</v>
      </c>
      <c r="N21" s="16">
        <v>1796</v>
      </c>
      <c r="O21" s="16">
        <v>1763</v>
      </c>
      <c r="P21" s="16">
        <v>1825</v>
      </c>
      <c r="Q21" s="16">
        <v>1760</v>
      </c>
      <c r="R21" s="16">
        <v>1823</v>
      </c>
      <c r="S21" s="16">
        <v>1873</v>
      </c>
      <c r="T21" s="16">
        <v>1881</v>
      </c>
      <c r="U21" s="16">
        <v>1994</v>
      </c>
      <c r="V21" s="16">
        <v>2058</v>
      </c>
      <c r="W21" s="16">
        <v>2162</v>
      </c>
      <c r="X21" s="16">
        <v>2175</v>
      </c>
      <c r="Y21" s="16">
        <v>2131</v>
      </c>
      <c r="Z21" s="16">
        <v>2303</v>
      </c>
      <c r="AA21" s="16">
        <v>2307</v>
      </c>
      <c r="AB21" s="16">
        <v>2416</v>
      </c>
      <c r="AC21" s="16">
        <v>2529</v>
      </c>
      <c r="AD21" s="16">
        <v>2631</v>
      </c>
      <c r="AE21" s="16">
        <v>2791</v>
      </c>
      <c r="AF21" s="16">
        <v>2918</v>
      </c>
      <c r="AG21" s="16">
        <v>3244</v>
      </c>
      <c r="AH21" s="16">
        <v>3360</v>
      </c>
      <c r="AI21" s="16">
        <v>3398</v>
      </c>
      <c r="AJ21" s="16">
        <v>3367</v>
      </c>
      <c r="AK21" s="16">
        <v>3203</v>
      </c>
      <c r="AL21" s="16">
        <v>2916</v>
      </c>
      <c r="AM21" s="16">
        <v>2882</v>
      </c>
      <c r="AN21" s="16">
        <v>2853</v>
      </c>
      <c r="AO21" s="16">
        <v>2854</v>
      </c>
      <c r="AP21" s="16">
        <v>2199</v>
      </c>
      <c r="AQ21" s="16">
        <v>2756</v>
      </c>
      <c r="AR21" s="16">
        <v>2521</v>
      </c>
      <c r="AS21" s="16">
        <v>2544</v>
      </c>
      <c r="AT21" s="16">
        <v>2260</v>
      </c>
      <c r="AU21" s="16">
        <v>2510</v>
      </c>
      <c r="AV21" s="16">
        <v>2444</v>
      </c>
      <c r="AW21" s="16">
        <v>2475</v>
      </c>
      <c r="AX21" s="16">
        <v>2395</v>
      </c>
      <c r="AY21" s="16">
        <v>2321</v>
      </c>
      <c r="AZ21" s="16">
        <v>2455</v>
      </c>
      <c r="BA21" s="16">
        <v>2714</v>
      </c>
      <c r="BB21" s="16">
        <v>2601</v>
      </c>
      <c r="BC21" s="16">
        <v>2907</v>
      </c>
      <c r="BD21" s="16">
        <v>2883</v>
      </c>
      <c r="BE21" s="16">
        <v>3081</v>
      </c>
      <c r="BF21" s="16">
        <v>3540</v>
      </c>
      <c r="BG21" s="16">
        <v>3840</v>
      </c>
      <c r="BH21" s="16">
        <v>3962</v>
      </c>
      <c r="BI21" s="16">
        <v>4285</v>
      </c>
      <c r="BJ21" s="16">
        <v>2182</v>
      </c>
      <c r="BK21" s="16">
        <v>2417</v>
      </c>
      <c r="BL21" s="16">
        <v>3204</v>
      </c>
      <c r="BM21" s="16">
        <v>2915</v>
      </c>
      <c r="BN21" s="16">
        <v>3160</v>
      </c>
      <c r="BO21" s="16">
        <v>2836</v>
      </c>
      <c r="BP21" s="16">
        <v>2543</v>
      </c>
      <c r="BQ21" s="16">
        <v>2112</v>
      </c>
      <c r="BR21" s="16">
        <v>2284</v>
      </c>
      <c r="BS21" s="16">
        <v>2384</v>
      </c>
      <c r="BT21" s="16">
        <v>2597</v>
      </c>
      <c r="BU21" s="16">
        <v>2116</v>
      </c>
      <c r="BV21" s="16">
        <v>2258</v>
      </c>
      <c r="BW21" s="16">
        <v>2296</v>
      </c>
      <c r="BX21" s="16">
        <v>2161</v>
      </c>
      <c r="BY21" s="16">
        <v>1972</v>
      </c>
      <c r="BZ21" s="16">
        <v>1717</v>
      </c>
      <c r="CA21" s="16">
        <v>1781</v>
      </c>
      <c r="CB21" s="16">
        <v>1523</v>
      </c>
      <c r="CC21" s="16">
        <v>1395</v>
      </c>
      <c r="CD21" s="16">
        <v>1287</v>
      </c>
      <c r="CE21" s="16">
        <v>1131</v>
      </c>
      <c r="CF21" s="16">
        <v>923</v>
      </c>
      <c r="CG21" s="16">
        <v>722</v>
      </c>
      <c r="CH21" s="16">
        <v>673</v>
      </c>
      <c r="CI21" s="16">
        <v>538</v>
      </c>
      <c r="CJ21" s="16">
        <v>423</v>
      </c>
      <c r="CK21" s="16">
        <v>284</v>
      </c>
      <c r="CL21" s="16">
        <v>188</v>
      </c>
      <c r="CM21" s="16">
        <v>148</v>
      </c>
      <c r="CN21" s="16">
        <v>136</v>
      </c>
      <c r="CO21" s="16">
        <v>209</v>
      </c>
      <c r="CP21" s="16">
        <v>121416</v>
      </c>
      <c r="CQ21" s="16">
        <v>68142</v>
      </c>
      <c r="CR21" s="16">
        <v>35801</v>
      </c>
      <c r="CS21" s="16">
        <v>13078</v>
      </c>
      <c r="CT21" s="16">
        <v>129820</v>
      </c>
      <c r="CU21" s="17">
        <v>54.499850000000002</v>
      </c>
    </row>
    <row r="22" spans="1:99" x14ac:dyDescent="0.15">
      <c r="A22" s="18" t="s">
        <v>193</v>
      </c>
      <c r="B22" s="18" t="s">
        <v>192</v>
      </c>
      <c r="C22" s="18" t="s">
        <v>153</v>
      </c>
      <c r="D22" s="18" t="s">
        <v>9</v>
      </c>
      <c r="E22" s="18" t="s">
        <v>4</v>
      </c>
      <c r="F22" s="18" t="s">
        <v>157</v>
      </c>
      <c r="G22" s="16">
        <v>39041</v>
      </c>
      <c r="H22" s="16">
        <v>1897</v>
      </c>
      <c r="I22" s="16">
        <v>1966</v>
      </c>
      <c r="J22" s="16">
        <v>1950</v>
      </c>
      <c r="K22" s="16">
        <v>1824</v>
      </c>
      <c r="L22" s="16">
        <v>1739</v>
      </c>
      <c r="M22" s="16">
        <v>1684</v>
      </c>
      <c r="N22" s="16">
        <v>1722</v>
      </c>
      <c r="O22" s="16">
        <v>1651</v>
      </c>
      <c r="P22" s="16">
        <v>1645</v>
      </c>
      <c r="Q22" s="16">
        <v>1485</v>
      </c>
      <c r="R22" s="16">
        <v>1378</v>
      </c>
      <c r="S22" s="16">
        <v>1257</v>
      </c>
      <c r="T22" s="16">
        <v>1066</v>
      </c>
      <c r="U22" s="16">
        <v>1049</v>
      </c>
      <c r="V22" s="16">
        <v>930</v>
      </c>
      <c r="W22" s="16">
        <v>865</v>
      </c>
      <c r="X22" s="16">
        <v>771</v>
      </c>
      <c r="Y22" s="16">
        <v>681</v>
      </c>
      <c r="Z22" s="16">
        <v>678</v>
      </c>
      <c r="AA22" s="16">
        <v>634</v>
      </c>
      <c r="AB22" s="16">
        <v>619</v>
      </c>
      <c r="AC22" s="16">
        <v>585</v>
      </c>
      <c r="AD22" s="16">
        <v>573</v>
      </c>
      <c r="AE22" s="16">
        <v>571</v>
      </c>
      <c r="AF22" s="16">
        <v>567</v>
      </c>
      <c r="AG22" s="16">
        <v>610</v>
      </c>
      <c r="AH22" s="16">
        <v>598</v>
      </c>
      <c r="AI22" s="16">
        <v>586</v>
      </c>
      <c r="AJ22" s="16">
        <v>543</v>
      </c>
      <c r="AK22" s="16">
        <v>518</v>
      </c>
      <c r="AL22" s="16">
        <v>442</v>
      </c>
      <c r="AM22" s="16">
        <v>418</v>
      </c>
      <c r="AN22" s="16">
        <v>382</v>
      </c>
      <c r="AO22" s="16">
        <v>377</v>
      </c>
      <c r="AP22" s="16">
        <v>283</v>
      </c>
      <c r="AQ22" s="16">
        <v>308</v>
      </c>
      <c r="AR22" s="16">
        <v>253</v>
      </c>
      <c r="AS22" s="16">
        <v>255</v>
      </c>
      <c r="AT22" s="16">
        <v>212</v>
      </c>
      <c r="AU22" s="16">
        <v>196</v>
      </c>
      <c r="AV22" s="16">
        <v>185</v>
      </c>
      <c r="AW22" s="16">
        <v>179</v>
      </c>
      <c r="AX22" s="16">
        <v>141</v>
      </c>
      <c r="AY22" s="16">
        <v>133</v>
      </c>
      <c r="AZ22" s="16">
        <v>138</v>
      </c>
      <c r="BA22" s="16">
        <v>119</v>
      </c>
      <c r="BB22" s="16">
        <v>108</v>
      </c>
      <c r="BC22" s="16">
        <v>122</v>
      </c>
      <c r="BD22" s="16">
        <v>113</v>
      </c>
      <c r="BE22" s="16">
        <v>121</v>
      </c>
      <c r="BF22" s="16">
        <v>125</v>
      </c>
      <c r="BG22" s="16">
        <v>145</v>
      </c>
      <c r="BH22" s="16">
        <v>170</v>
      </c>
      <c r="BI22" s="16">
        <v>144</v>
      </c>
      <c r="BJ22" s="16">
        <v>72</v>
      </c>
      <c r="BK22" s="16">
        <v>93</v>
      </c>
      <c r="BL22" s="16">
        <v>112</v>
      </c>
      <c r="BM22" s="16">
        <v>62</v>
      </c>
      <c r="BN22" s="16">
        <v>89</v>
      </c>
      <c r="BO22" s="16">
        <v>86</v>
      </c>
      <c r="BP22" s="16">
        <v>58</v>
      </c>
      <c r="BQ22" s="16">
        <v>57</v>
      </c>
      <c r="BR22" s="16">
        <v>63</v>
      </c>
      <c r="BS22" s="16">
        <v>68</v>
      </c>
      <c r="BT22" s="16">
        <v>60</v>
      </c>
      <c r="BU22" s="16">
        <v>49</v>
      </c>
      <c r="BV22" s="16">
        <v>60</v>
      </c>
      <c r="BW22" s="16">
        <v>44</v>
      </c>
      <c r="BX22" s="16">
        <v>54</v>
      </c>
      <c r="BY22" s="16">
        <v>47</v>
      </c>
      <c r="BZ22" s="16">
        <v>43</v>
      </c>
      <c r="CA22" s="16">
        <v>46</v>
      </c>
      <c r="CB22" s="16">
        <v>24</v>
      </c>
      <c r="CC22" s="16">
        <v>37</v>
      </c>
      <c r="CD22" s="16">
        <v>26</v>
      </c>
      <c r="CE22" s="16">
        <v>25</v>
      </c>
      <c r="CF22" s="16">
        <v>15</v>
      </c>
      <c r="CG22" s="16">
        <v>8</v>
      </c>
      <c r="CH22" s="16">
        <v>13</v>
      </c>
      <c r="CI22" s="16">
        <v>7</v>
      </c>
      <c r="CJ22" s="16">
        <v>3</v>
      </c>
      <c r="CK22" s="16">
        <v>3</v>
      </c>
      <c r="CL22" s="16">
        <v>1</v>
      </c>
      <c r="CM22" s="16">
        <v>3</v>
      </c>
      <c r="CN22" s="16">
        <v>1</v>
      </c>
      <c r="CO22" s="16">
        <v>1</v>
      </c>
      <c r="CP22" s="16">
        <v>37127</v>
      </c>
      <c r="CQ22" s="16">
        <v>1914</v>
      </c>
      <c r="CR22" s="16">
        <v>816</v>
      </c>
      <c r="CS22" s="16">
        <v>256</v>
      </c>
      <c r="CT22" s="16">
        <v>28407</v>
      </c>
      <c r="CU22" s="17">
        <v>31.471340000000001</v>
      </c>
    </row>
    <row r="23" spans="1:99" x14ac:dyDescent="0.15">
      <c r="A23" s="18" t="s">
        <v>193</v>
      </c>
      <c r="B23" s="18" t="s">
        <v>192</v>
      </c>
      <c r="C23" s="18" t="s">
        <v>153</v>
      </c>
      <c r="D23" s="18" t="s">
        <v>9</v>
      </c>
      <c r="E23" s="18" t="s">
        <v>4</v>
      </c>
      <c r="F23" s="18" t="s">
        <v>156</v>
      </c>
      <c r="G23" s="16">
        <v>107727</v>
      </c>
      <c r="H23" s="16" t="s">
        <v>304</v>
      </c>
      <c r="I23" s="16" t="s">
        <v>304</v>
      </c>
      <c r="J23" s="16">
        <v>2</v>
      </c>
      <c r="K23" s="16">
        <v>11</v>
      </c>
      <c r="L23" s="16">
        <v>12</v>
      </c>
      <c r="M23" s="16">
        <v>43</v>
      </c>
      <c r="N23" s="16">
        <v>66</v>
      </c>
      <c r="O23" s="16">
        <v>102</v>
      </c>
      <c r="P23" s="16">
        <v>172</v>
      </c>
      <c r="Q23" s="16">
        <v>262</v>
      </c>
      <c r="R23" s="16">
        <v>417</v>
      </c>
      <c r="S23" s="16">
        <v>582</v>
      </c>
      <c r="T23" s="16">
        <v>784</v>
      </c>
      <c r="U23" s="16">
        <v>901</v>
      </c>
      <c r="V23" s="16">
        <v>1068</v>
      </c>
      <c r="W23" s="16">
        <v>1215</v>
      </c>
      <c r="X23" s="16">
        <v>1322</v>
      </c>
      <c r="Y23" s="16">
        <v>1364</v>
      </c>
      <c r="Z23" s="16">
        <v>1521</v>
      </c>
      <c r="AA23" s="16">
        <v>1552</v>
      </c>
      <c r="AB23" s="16">
        <v>1663</v>
      </c>
      <c r="AC23" s="16">
        <v>1789</v>
      </c>
      <c r="AD23" s="16">
        <v>1880</v>
      </c>
      <c r="AE23" s="16">
        <v>2042</v>
      </c>
      <c r="AF23" s="16">
        <v>2139</v>
      </c>
      <c r="AG23" s="16">
        <v>2371</v>
      </c>
      <c r="AH23" s="16">
        <v>2484</v>
      </c>
      <c r="AI23" s="16">
        <v>2515</v>
      </c>
      <c r="AJ23" s="16">
        <v>2498</v>
      </c>
      <c r="AK23" s="16">
        <v>2366</v>
      </c>
      <c r="AL23" s="16">
        <v>2157</v>
      </c>
      <c r="AM23" s="16">
        <v>2153</v>
      </c>
      <c r="AN23" s="16">
        <v>2141</v>
      </c>
      <c r="AO23" s="16">
        <v>2143</v>
      </c>
      <c r="AP23" s="16">
        <v>1651</v>
      </c>
      <c r="AQ23" s="16">
        <v>2087</v>
      </c>
      <c r="AR23" s="16">
        <v>1947</v>
      </c>
      <c r="AS23" s="16">
        <v>1959</v>
      </c>
      <c r="AT23" s="16">
        <v>1776</v>
      </c>
      <c r="AU23" s="16">
        <v>1942</v>
      </c>
      <c r="AV23" s="16">
        <v>1909</v>
      </c>
      <c r="AW23" s="16">
        <v>1959</v>
      </c>
      <c r="AX23" s="16">
        <v>1911</v>
      </c>
      <c r="AY23" s="16">
        <v>1869</v>
      </c>
      <c r="AZ23" s="16">
        <v>1964</v>
      </c>
      <c r="BA23" s="16">
        <v>2161</v>
      </c>
      <c r="BB23" s="16">
        <v>2061</v>
      </c>
      <c r="BC23" s="16">
        <v>2303</v>
      </c>
      <c r="BD23" s="16">
        <v>2228</v>
      </c>
      <c r="BE23" s="16">
        <v>2367</v>
      </c>
      <c r="BF23" s="16">
        <v>2705</v>
      </c>
      <c r="BG23" s="16">
        <v>2874</v>
      </c>
      <c r="BH23" s="16">
        <v>2830</v>
      </c>
      <c r="BI23" s="16">
        <v>3124</v>
      </c>
      <c r="BJ23" s="16">
        <v>1537</v>
      </c>
      <c r="BK23" s="16">
        <v>1705</v>
      </c>
      <c r="BL23" s="16">
        <v>2150</v>
      </c>
      <c r="BM23" s="16">
        <v>1964</v>
      </c>
      <c r="BN23" s="16">
        <v>1992</v>
      </c>
      <c r="BO23" s="16">
        <v>1691</v>
      </c>
      <c r="BP23" s="16">
        <v>1463</v>
      </c>
      <c r="BQ23" s="16">
        <v>1132</v>
      </c>
      <c r="BR23" s="16">
        <v>1222</v>
      </c>
      <c r="BS23" s="16">
        <v>1149</v>
      </c>
      <c r="BT23" s="16">
        <v>1128</v>
      </c>
      <c r="BU23" s="16">
        <v>912</v>
      </c>
      <c r="BV23" s="16">
        <v>823</v>
      </c>
      <c r="BW23" s="16">
        <v>750</v>
      </c>
      <c r="BX23" s="16">
        <v>643</v>
      </c>
      <c r="BY23" s="16">
        <v>529</v>
      </c>
      <c r="BZ23" s="16">
        <v>379</v>
      </c>
      <c r="CA23" s="16">
        <v>352</v>
      </c>
      <c r="CB23" s="16">
        <v>230</v>
      </c>
      <c r="CC23" s="16">
        <v>205</v>
      </c>
      <c r="CD23" s="16">
        <v>143</v>
      </c>
      <c r="CE23" s="16">
        <v>106</v>
      </c>
      <c r="CF23" s="16">
        <v>54</v>
      </c>
      <c r="CG23" s="16">
        <v>37</v>
      </c>
      <c r="CH23" s="16">
        <v>21</v>
      </c>
      <c r="CI23" s="16">
        <v>18</v>
      </c>
      <c r="CJ23" s="16">
        <v>13</v>
      </c>
      <c r="CK23" s="16">
        <v>4</v>
      </c>
      <c r="CL23" s="16">
        <v>4</v>
      </c>
      <c r="CM23" s="16">
        <v>4</v>
      </c>
      <c r="CN23" s="16" t="s">
        <v>304</v>
      </c>
      <c r="CO23" s="16">
        <v>3</v>
      </c>
      <c r="CP23" s="16">
        <v>73831</v>
      </c>
      <c r="CQ23" s="16">
        <v>33896</v>
      </c>
      <c r="CR23" s="16">
        <v>11324</v>
      </c>
      <c r="CS23" s="16">
        <v>1573</v>
      </c>
      <c r="CT23" s="16">
        <v>86876</v>
      </c>
      <c r="CU23" s="17">
        <v>55.21848</v>
      </c>
    </row>
    <row r="24" spans="1:99" x14ac:dyDescent="0.15">
      <c r="A24" s="18" t="s">
        <v>193</v>
      </c>
      <c r="B24" s="18" t="s">
        <v>192</v>
      </c>
      <c r="C24" s="18" t="s">
        <v>153</v>
      </c>
      <c r="D24" s="18" t="s">
        <v>9</v>
      </c>
      <c r="E24" s="18" t="s">
        <v>4</v>
      </c>
      <c r="F24" s="18" t="s">
        <v>155</v>
      </c>
      <c r="G24" s="16">
        <v>31485</v>
      </c>
      <c r="H24" s="16" t="s">
        <v>304</v>
      </c>
      <c r="I24" s="16" t="s">
        <v>304</v>
      </c>
      <c r="J24" s="16" t="s">
        <v>304</v>
      </c>
      <c r="K24" s="16">
        <v>1</v>
      </c>
      <c r="L24" s="16" t="s">
        <v>304</v>
      </c>
      <c r="M24" s="16">
        <v>1</v>
      </c>
      <c r="N24" s="16">
        <v>1</v>
      </c>
      <c r="O24" s="16">
        <v>1</v>
      </c>
      <c r="P24" s="16" t="s">
        <v>304</v>
      </c>
      <c r="Q24" s="16">
        <v>1</v>
      </c>
      <c r="R24" s="16">
        <v>1</v>
      </c>
      <c r="S24" s="16" t="s">
        <v>304</v>
      </c>
      <c r="T24" s="16" t="s">
        <v>304</v>
      </c>
      <c r="U24" s="16">
        <v>2</v>
      </c>
      <c r="V24" s="16">
        <v>1</v>
      </c>
      <c r="W24" s="16">
        <v>1</v>
      </c>
      <c r="X24" s="16">
        <v>1</v>
      </c>
      <c r="Y24" s="16">
        <v>1</v>
      </c>
      <c r="Z24" s="16">
        <v>4</v>
      </c>
      <c r="AA24" s="16">
        <v>7</v>
      </c>
      <c r="AB24" s="16">
        <v>3</v>
      </c>
      <c r="AC24" s="16">
        <v>6</v>
      </c>
      <c r="AD24" s="16">
        <v>7</v>
      </c>
      <c r="AE24" s="16">
        <v>6</v>
      </c>
      <c r="AF24" s="16">
        <v>16</v>
      </c>
      <c r="AG24" s="16">
        <v>18</v>
      </c>
      <c r="AH24" s="16">
        <v>15</v>
      </c>
      <c r="AI24" s="16">
        <v>24</v>
      </c>
      <c r="AJ24" s="16">
        <v>21</v>
      </c>
      <c r="AK24" s="16">
        <v>20</v>
      </c>
      <c r="AL24" s="16">
        <v>21</v>
      </c>
      <c r="AM24" s="16">
        <v>33</v>
      </c>
      <c r="AN24" s="16">
        <v>39</v>
      </c>
      <c r="AO24" s="16">
        <v>51</v>
      </c>
      <c r="AP24" s="16">
        <v>38</v>
      </c>
      <c r="AQ24" s="16">
        <v>61</v>
      </c>
      <c r="AR24" s="16">
        <v>61</v>
      </c>
      <c r="AS24" s="16">
        <v>68</v>
      </c>
      <c r="AT24" s="16">
        <v>66</v>
      </c>
      <c r="AU24" s="16">
        <v>96</v>
      </c>
      <c r="AV24" s="16">
        <v>107</v>
      </c>
      <c r="AW24" s="16">
        <v>116</v>
      </c>
      <c r="AX24" s="16">
        <v>133</v>
      </c>
      <c r="AY24" s="16">
        <v>115</v>
      </c>
      <c r="AZ24" s="16">
        <v>151</v>
      </c>
      <c r="BA24" s="16">
        <v>202</v>
      </c>
      <c r="BB24" s="16">
        <v>206</v>
      </c>
      <c r="BC24" s="16">
        <v>251</v>
      </c>
      <c r="BD24" s="16">
        <v>305</v>
      </c>
      <c r="BE24" s="16">
        <v>320</v>
      </c>
      <c r="BF24" s="16">
        <v>430</v>
      </c>
      <c r="BG24" s="16">
        <v>533</v>
      </c>
      <c r="BH24" s="16">
        <v>610</v>
      </c>
      <c r="BI24" s="16">
        <v>705</v>
      </c>
      <c r="BJ24" s="16">
        <v>415</v>
      </c>
      <c r="BK24" s="16">
        <v>468</v>
      </c>
      <c r="BL24" s="16">
        <v>695</v>
      </c>
      <c r="BM24" s="16">
        <v>722</v>
      </c>
      <c r="BN24" s="16">
        <v>890</v>
      </c>
      <c r="BO24" s="16">
        <v>897</v>
      </c>
      <c r="BP24" s="16">
        <v>894</v>
      </c>
      <c r="BQ24" s="16">
        <v>813</v>
      </c>
      <c r="BR24" s="16">
        <v>892</v>
      </c>
      <c r="BS24" s="16">
        <v>1082</v>
      </c>
      <c r="BT24" s="16">
        <v>1333</v>
      </c>
      <c r="BU24" s="16">
        <v>1065</v>
      </c>
      <c r="BV24" s="16">
        <v>1285</v>
      </c>
      <c r="BW24" s="16">
        <v>1438</v>
      </c>
      <c r="BX24" s="16">
        <v>1409</v>
      </c>
      <c r="BY24" s="16">
        <v>1337</v>
      </c>
      <c r="BZ24" s="16">
        <v>1257</v>
      </c>
      <c r="CA24" s="16">
        <v>1339</v>
      </c>
      <c r="CB24" s="16">
        <v>1219</v>
      </c>
      <c r="CC24" s="16">
        <v>1118</v>
      </c>
      <c r="CD24" s="16">
        <v>1093</v>
      </c>
      <c r="CE24" s="16">
        <v>977</v>
      </c>
      <c r="CF24" s="16">
        <v>837</v>
      </c>
      <c r="CG24" s="16">
        <v>670</v>
      </c>
      <c r="CH24" s="16">
        <v>627</v>
      </c>
      <c r="CI24" s="16">
        <v>508</v>
      </c>
      <c r="CJ24" s="16">
        <v>400</v>
      </c>
      <c r="CK24" s="16">
        <v>272</v>
      </c>
      <c r="CL24" s="16">
        <v>182</v>
      </c>
      <c r="CM24" s="16">
        <v>137</v>
      </c>
      <c r="CN24" s="16">
        <v>134</v>
      </c>
      <c r="CO24" s="16">
        <v>203</v>
      </c>
      <c r="CP24" s="16">
        <v>2599</v>
      </c>
      <c r="CQ24" s="16">
        <v>28886</v>
      </c>
      <c r="CR24" s="16">
        <v>22521</v>
      </c>
      <c r="CS24" s="16">
        <v>10973</v>
      </c>
      <c r="CT24" s="16">
        <v>5291</v>
      </c>
      <c r="CU24" s="17">
        <v>79.997699999999995</v>
      </c>
    </row>
    <row r="25" spans="1:99" x14ac:dyDescent="0.15">
      <c r="A25" s="18" t="s">
        <v>193</v>
      </c>
      <c r="B25" s="18" t="s">
        <v>192</v>
      </c>
      <c r="C25" s="18" t="s">
        <v>153</v>
      </c>
      <c r="D25" s="18" t="s">
        <v>9</v>
      </c>
      <c r="E25" s="18" t="s">
        <v>4</v>
      </c>
      <c r="F25" s="18" t="s">
        <v>154</v>
      </c>
      <c r="G25" s="16">
        <v>11305</v>
      </c>
      <c r="H25" s="16" t="s">
        <v>304</v>
      </c>
      <c r="I25" s="16" t="s">
        <v>304</v>
      </c>
      <c r="J25" s="16" t="s">
        <v>304</v>
      </c>
      <c r="K25" s="16">
        <v>2</v>
      </c>
      <c r="L25" s="16">
        <v>1</v>
      </c>
      <c r="M25" s="16">
        <v>4</v>
      </c>
      <c r="N25" s="16">
        <v>7</v>
      </c>
      <c r="O25" s="16">
        <v>9</v>
      </c>
      <c r="P25" s="16">
        <v>8</v>
      </c>
      <c r="Q25" s="16">
        <v>12</v>
      </c>
      <c r="R25" s="16">
        <v>27</v>
      </c>
      <c r="S25" s="16">
        <v>34</v>
      </c>
      <c r="T25" s="16">
        <v>31</v>
      </c>
      <c r="U25" s="16">
        <v>42</v>
      </c>
      <c r="V25" s="16">
        <v>59</v>
      </c>
      <c r="W25" s="16">
        <v>81</v>
      </c>
      <c r="X25" s="16">
        <v>81</v>
      </c>
      <c r="Y25" s="16">
        <v>85</v>
      </c>
      <c r="Z25" s="16">
        <v>100</v>
      </c>
      <c r="AA25" s="16">
        <v>114</v>
      </c>
      <c r="AB25" s="16">
        <v>131</v>
      </c>
      <c r="AC25" s="16">
        <v>149</v>
      </c>
      <c r="AD25" s="16">
        <v>171</v>
      </c>
      <c r="AE25" s="16">
        <v>172</v>
      </c>
      <c r="AF25" s="16">
        <v>196</v>
      </c>
      <c r="AG25" s="16">
        <v>245</v>
      </c>
      <c r="AH25" s="16">
        <v>263</v>
      </c>
      <c r="AI25" s="16">
        <v>273</v>
      </c>
      <c r="AJ25" s="16">
        <v>305</v>
      </c>
      <c r="AK25" s="16">
        <v>299</v>
      </c>
      <c r="AL25" s="16">
        <v>296</v>
      </c>
      <c r="AM25" s="16">
        <v>278</v>
      </c>
      <c r="AN25" s="16">
        <v>291</v>
      </c>
      <c r="AO25" s="16">
        <v>283</v>
      </c>
      <c r="AP25" s="16">
        <v>227</v>
      </c>
      <c r="AQ25" s="16">
        <v>300</v>
      </c>
      <c r="AR25" s="16">
        <v>260</v>
      </c>
      <c r="AS25" s="16">
        <v>262</v>
      </c>
      <c r="AT25" s="16">
        <v>206</v>
      </c>
      <c r="AU25" s="16">
        <v>276</v>
      </c>
      <c r="AV25" s="16">
        <v>243</v>
      </c>
      <c r="AW25" s="16">
        <v>221</v>
      </c>
      <c r="AX25" s="16">
        <v>210</v>
      </c>
      <c r="AY25" s="16">
        <v>204</v>
      </c>
      <c r="AZ25" s="16">
        <v>202</v>
      </c>
      <c r="BA25" s="16">
        <v>232</v>
      </c>
      <c r="BB25" s="16">
        <v>226</v>
      </c>
      <c r="BC25" s="16">
        <v>231</v>
      </c>
      <c r="BD25" s="16">
        <v>237</v>
      </c>
      <c r="BE25" s="16">
        <v>273</v>
      </c>
      <c r="BF25" s="16">
        <v>280</v>
      </c>
      <c r="BG25" s="16">
        <v>288</v>
      </c>
      <c r="BH25" s="16">
        <v>352</v>
      </c>
      <c r="BI25" s="16">
        <v>312</v>
      </c>
      <c r="BJ25" s="16">
        <v>158</v>
      </c>
      <c r="BK25" s="16">
        <v>151</v>
      </c>
      <c r="BL25" s="16">
        <v>247</v>
      </c>
      <c r="BM25" s="16">
        <v>167</v>
      </c>
      <c r="BN25" s="16">
        <v>189</v>
      </c>
      <c r="BO25" s="16">
        <v>162</v>
      </c>
      <c r="BP25" s="16">
        <v>128</v>
      </c>
      <c r="BQ25" s="16">
        <v>110</v>
      </c>
      <c r="BR25" s="16">
        <v>107</v>
      </c>
      <c r="BS25" s="16">
        <v>85</v>
      </c>
      <c r="BT25" s="16">
        <v>76</v>
      </c>
      <c r="BU25" s="16">
        <v>90</v>
      </c>
      <c r="BV25" s="16">
        <v>90</v>
      </c>
      <c r="BW25" s="16">
        <v>64</v>
      </c>
      <c r="BX25" s="16">
        <v>55</v>
      </c>
      <c r="BY25" s="16">
        <v>59</v>
      </c>
      <c r="BZ25" s="16">
        <v>38</v>
      </c>
      <c r="CA25" s="16">
        <v>44</v>
      </c>
      <c r="CB25" s="16">
        <v>50</v>
      </c>
      <c r="CC25" s="16">
        <v>35</v>
      </c>
      <c r="CD25" s="16">
        <v>25</v>
      </c>
      <c r="CE25" s="16">
        <v>23</v>
      </c>
      <c r="CF25" s="16">
        <v>17</v>
      </c>
      <c r="CG25" s="16">
        <v>7</v>
      </c>
      <c r="CH25" s="16">
        <v>12</v>
      </c>
      <c r="CI25" s="16">
        <v>5</v>
      </c>
      <c r="CJ25" s="16">
        <v>7</v>
      </c>
      <c r="CK25" s="16">
        <v>5</v>
      </c>
      <c r="CL25" s="16">
        <v>1</v>
      </c>
      <c r="CM25" s="16">
        <v>4</v>
      </c>
      <c r="CN25" s="16">
        <v>1</v>
      </c>
      <c r="CO25" s="16">
        <v>2</v>
      </c>
      <c r="CP25" s="16">
        <v>7859</v>
      </c>
      <c r="CQ25" s="16">
        <v>3446</v>
      </c>
      <c r="CR25" s="16">
        <v>1140</v>
      </c>
      <c r="CS25" s="16">
        <v>276</v>
      </c>
      <c r="CT25" s="16">
        <v>9246</v>
      </c>
      <c r="CU25" s="17">
        <v>56.166339999999998</v>
      </c>
    </row>
    <row r="26" spans="1:99" x14ac:dyDescent="0.15">
      <c r="A26" s="18" t="s">
        <v>193</v>
      </c>
      <c r="B26" s="18" t="s">
        <v>192</v>
      </c>
      <c r="C26" s="18" t="s">
        <v>153</v>
      </c>
      <c r="D26" s="18" t="s">
        <v>8</v>
      </c>
      <c r="E26" s="18" t="s">
        <v>3</v>
      </c>
      <c r="F26" s="18" t="s">
        <v>3</v>
      </c>
      <c r="G26" s="16">
        <v>361991</v>
      </c>
      <c r="H26" s="16">
        <v>4004</v>
      </c>
      <c r="I26" s="16">
        <v>3986</v>
      </c>
      <c r="J26" s="16">
        <v>4035</v>
      </c>
      <c r="K26" s="16">
        <v>3818</v>
      </c>
      <c r="L26" s="16">
        <v>3654</v>
      </c>
      <c r="M26" s="16">
        <v>3750</v>
      </c>
      <c r="N26" s="16">
        <v>3633</v>
      </c>
      <c r="O26" s="16">
        <v>3606</v>
      </c>
      <c r="P26" s="16">
        <v>3656</v>
      </c>
      <c r="Q26" s="16">
        <v>3580</v>
      </c>
      <c r="R26" s="16">
        <v>3701</v>
      </c>
      <c r="S26" s="16">
        <v>3774</v>
      </c>
      <c r="T26" s="16">
        <v>3849</v>
      </c>
      <c r="U26" s="16">
        <v>3971</v>
      </c>
      <c r="V26" s="16">
        <v>4169</v>
      </c>
      <c r="W26" s="16">
        <v>4273</v>
      </c>
      <c r="X26" s="16">
        <v>4400</v>
      </c>
      <c r="Y26" s="16">
        <v>4406</v>
      </c>
      <c r="Z26" s="16">
        <v>4617</v>
      </c>
      <c r="AA26" s="16">
        <v>4568</v>
      </c>
      <c r="AB26" s="16">
        <v>4846</v>
      </c>
      <c r="AC26" s="16">
        <v>5086</v>
      </c>
      <c r="AD26" s="16">
        <v>5494</v>
      </c>
      <c r="AE26" s="16">
        <v>5632</v>
      </c>
      <c r="AF26" s="16">
        <v>5967</v>
      </c>
      <c r="AG26" s="16">
        <v>6470</v>
      </c>
      <c r="AH26" s="16">
        <v>6771</v>
      </c>
      <c r="AI26" s="16">
        <v>6840</v>
      </c>
      <c r="AJ26" s="16">
        <v>6856</v>
      </c>
      <c r="AK26" s="16">
        <v>6393</v>
      </c>
      <c r="AL26" s="16">
        <v>6004</v>
      </c>
      <c r="AM26" s="16">
        <v>5972</v>
      </c>
      <c r="AN26" s="16">
        <v>5696</v>
      </c>
      <c r="AO26" s="16">
        <v>5645</v>
      </c>
      <c r="AP26" s="16">
        <v>4337</v>
      </c>
      <c r="AQ26" s="16">
        <v>5409</v>
      </c>
      <c r="AR26" s="16">
        <v>5031</v>
      </c>
      <c r="AS26" s="16">
        <v>5115</v>
      </c>
      <c r="AT26" s="16">
        <v>4559</v>
      </c>
      <c r="AU26" s="16">
        <v>4820</v>
      </c>
      <c r="AV26" s="16">
        <v>4843</v>
      </c>
      <c r="AW26" s="16">
        <v>4838</v>
      </c>
      <c r="AX26" s="16">
        <v>4694</v>
      </c>
      <c r="AY26" s="16">
        <v>4569</v>
      </c>
      <c r="AZ26" s="16">
        <v>4784</v>
      </c>
      <c r="BA26" s="16">
        <v>5307</v>
      </c>
      <c r="BB26" s="16">
        <v>5170</v>
      </c>
      <c r="BC26" s="16">
        <v>5629</v>
      </c>
      <c r="BD26" s="16">
        <v>5675</v>
      </c>
      <c r="BE26" s="16">
        <v>5909</v>
      </c>
      <c r="BF26" s="16">
        <v>6819</v>
      </c>
      <c r="BG26" s="16">
        <v>7514</v>
      </c>
      <c r="BH26" s="16">
        <v>7612</v>
      </c>
      <c r="BI26" s="16">
        <v>8124</v>
      </c>
      <c r="BJ26" s="16">
        <v>4142</v>
      </c>
      <c r="BK26" s="16">
        <v>4544</v>
      </c>
      <c r="BL26" s="16">
        <v>5889</v>
      </c>
      <c r="BM26" s="16">
        <v>5392</v>
      </c>
      <c r="BN26" s="16">
        <v>5817</v>
      </c>
      <c r="BO26" s="16">
        <v>5214</v>
      </c>
      <c r="BP26" s="16">
        <v>4661</v>
      </c>
      <c r="BQ26" s="16">
        <v>3846</v>
      </c>
      <c r="BR26" s="16">
        <v>4068</v>
      </c>
      <c r="BS26" s="16">
        <v>4165</v>
      </c>
      <c r="BT26" s="16">
        <v>4413</v>
      </c>
      <c r="BU26" s="16">
        <v>3637</v>
      </c>
      <c r="BV26" s="16">
        <v>3740</v>
      </c>
      <c r="BW26" s="16">
        <v>3682</v>
      </c>
      <c r="BX26" s="16">
        <v>3374</v>
      </c>
      <c r="BY26" s="16">
        <v>3133</v>
      </c>
      <c r="BZ26" s="16">
        <v>2679</v>
      </c>
      <c r="CA26" s="16">
        <v>2642</v>
      </c>
      <c r="CB26" s="16">
        <v>2290</v>
      </c>
      <c r="CC26" s="16">
        <v>2055</v>
      </c>
      <c r="CD26" s="16">
        <v>1839</v>
      </c>
      <c r="CE26" s="16">
        <v>1541</v>
      </c>
      <c r="CF26" s="16">
        <v>1258</v>
      </c>
      <c r="CG26" s="16">
        <v>930</v>
      </c>
      <c r="CH26" s="16">
        <v>830</v>
      </c>
      <c r="CI26" s="16">
        <v>665</v>
      </c>
      <c r="CJ26" s="16">
        <v>528</v>
      </c>
      <c r="CK26" s="16">
        <v>335</v>
      </c>
      <c r="CL26" s="16">
        <v>226</v>
      </c>
      <c r="CM26" s="16">
        <v>183</v>
      </c>
      <c r="CN26" s="16">
        <v>152</v>
      </c>
      <c r="CO26" s="16">
        <v>241</v>
      </c>
      <c r="CP26" s="16">
        <v>243811</v>
      </c>
      <c r="CQ26" s="16">
        <v>118180</v>
      </c>
      <c r="CR26" s="16">
        <v>57113</v>
      </c>
      <c r="CS26" s="16">
        <v>18394</v>
      </c>
      <c r="CT26" s="16">
        <v>258525</v>
      </c>
      <c r="CU26" s="17">
        <v>52.887909999999998</v>
      </c>
    </row>
    <row r="27" spans="1:99" x14ac:dyDescent="0.15">
      <c r="A27" s="18" t="s">
        <v>193</v>
      </c>
      <c r="B27" s="18" t="s">
        <v>192</v>
      </c>
      <c r="C27" s="18" t="s">
        <v>153</v>
      </c>
      <c r="D27" s="18" t="s">
        <v>8</v>
      </c>
      <c r="E27" s="18" t="s">
        <v>3</v>
      </c>
      <c r="F27" s="18" t="s">
        <v>157</v>
      </c>
      <c r="G27" s="16">
        <v>92603</v>
      </c>
      <c r="H27" s="16">
        <v>4004</v>
      </c>
      <c r="I27" s="16">
        <v>3986</v>
      </c>
      <c r="J27" s="16">
        <v>4030</v>
      </c>
      <c r="K27" s="16">
        <v>3800</v>
      </c>
      <c r="L27" s="16">
        <v>3622</v>
      </c>
      <c r="M27" s="16">
        <v>3674</v>
      </c>
      <c r="N27" s="16">
        <v>3520</v>
      </c>
      <c r="O27" s="16">
        <v>3439</v>
      </c>
      <c r="P27" s="16">
        <v>3392</v>
      </c>
      <c r="Q27" s="16">
        <v>3158</v>
      </c>
      <c r="R27" s="16">
        <v>3036</v>
      </c>
      <c r="S27" s="16">
        <v>2763</v>
      </c>
      <c r="T27" s="16">
        <v>2532</v>
      </c>
      <c r="U27" s="16">
        <v>2417</v>
      </c>
      <c r="V27" s="16">
        <v>2244</v>
      </c>
      <c r="W27" s="16">
        <v>2033</v>
      </c>
      <c r="X27" s="16">
        <v>1912</v>
      </c>
      <c r="Y27" s="16">
        <v>1770</v>
      </c>
      <c r="Z27" s="16">
        <v>1691</v>
      </c>
      <c r="AA27" s="16">
        <v>1653</v>
      </c>
      <c r="AB27" s="16">
        <v>1601</v>
      </c>
      <c r="AC27" s="16">
        <v>1554</v>
      </c>
      <c r="AD27" s="16">
        <v>1619</v>
      </c>
      <c r="AE27" s="16">
        <v>1562</v>
      </c>
      <c r="AF27" s="16">
        <v>1618</v>
      </c>
      <c r="AG27" s="16">
        <v>1657</v>
      </c>
      <c r="AH27" s="16">
        <v>1623</v>
      </c>
      <c r="AI27" s="16">
        <v>1547</v>
      </c>
      <c r="AJ27" s="16">
        <v>1583</v>
      </c>
      <c r="AK27" s="16">
        <v>1467</v>
      </c>
      <c r="AL27" s="16">
        <v>1327</v>
      </c>
      <c r="AM27" s="16">
        <v>1280</v>
      </c>
      <c r="AN27" s="16">
        <v>1126</v>
      </c>
      <c r="AO27" s="16">
        <v>1053</v>
      </c>
      <c r="AP27" s="16">
        <v>809</v>
      </c>
      <c r="AQ27" s="16">
        <v>867</v>
      </c>
      <c r="AR27" s="16">
        <v>754</v>
      </c>
      <c r="AS27" s="16">
        <v>748</v>
      </c>
      <c r="AT27" s="16">
        <v>681</v>
      </c>
      <c r="AU27" s="16">
        <v>609</v>
      </c>
      <c r="AV27" s="16">
        <v>603</v>
      </c>
      <c r="AW27" s="16">
        <v>560</v>
      </c>
      <c r="AX27" s="16">
        <v>492</v>
      </c>
      <c r="AY27" s="16">
        <v>463</v>
      </c>
      <c r="AZ27" s="16">
        <v>432</v>
      </c>
      <c r="BA27" s="16">
        <v>438</v>
      </c>
      <c r="BB27" s="16">
        <v>434</v>
      </c>
      <c r="BC27" s="16">
        <v>489</v>
      </c>
      <c r="BD27" s="16">
        <v>473</v>
      </c>
      <c r="BE27" s="16">
        <v>428</v>
      </c>
      <c r="BF27" s="16">
        <v>469</v>
      </c>
      <c r="BG27" s="16">
        <v>461</v>
      </c>
      <c r="BH27" s="16">
        <v>456</v>
      </c>
      <c r="BI27" s="16">
        <v>392</v>
      </c>
      <c r="BJ27" s="16">
        <v>195</v>
      </c>
      <c r="BK27" s="16">
        <v>200</v>
      </c>
      <c r="BL27" s="16">
        <v>234</v>
      </c>
      <c r="BM27" s="16">
        <v>142</v>
      </c>
      <c r="BN27" s="16">
        <v>186</v>
      </c>
      <c r="BO27" s="16">
        <v>161</v>
      </c>
      <c r="BP27" s="16">
        <v>103</v>
      </c>
      <c r="BQ27" s="16">
        <v>88</v>
      </c>
      <c r="BR27" s="16">
        <v>96</v>
      </c>
      <c r="BS27" s="16">
        <v>102</v>
      </c>
      <c r="BT27" s="16">
        <v>96</v>
      </c>
      <c r="BU27" s="16">
        <v>71</v>
      </c>
      <c r="BV27" s="16">
        <v>80</v>
      </c>
      <c r="BW27" s="16">
        <v>62</v>
      </c>
      <c r="BX27" s="16">
        <v>72</v>
      </c>
      <c r="BY27" s="16">
        <v>66</v>
      </c>
      <c r="BZ27" s="16">
        <v>50</v>
      </c>
      <c r="CA27" s="16">
        <v>55</v>
      </c>
      <c r="CB27" s="16">
        <v>32</v>
      </c>
      <c r="CC27" s="16">
        <v>44</v>
      </c>
      <c r="CD27" s="16">
        <v>29</v>
      </c>
      <c r="CE27" s="16">
        <v>27</v>
      </c>
      <c r="CF27" s="16">
        <v>17</v>
      </c>
      <c r="CG27" s="16">
        <v>10</v>
      </c>
      <c r="CH27" s="16">
        <v>14</v>
      </c>
      <c r="CI27" s="16">
        <v>8</v>
      </c>
      <c r="CJ27" s="16">
        <v>3</v>
      </c>
      <c r="CK27" s="16">
        <v>3</v>
      </c>
      <c r="CL27" s="16">
        <v>1</v>
      </c>
      <c r="CM27" s="16">
        <v>3</v>
      </c>
      <c r="CN27" s="16">
        <v>1</v>
      </c>
      <c r="CO27" s="16">
        <v>1</v>
      </c>
      <c r="CP27" s="16">
        <v>88573</v>
      </c>
      <c r="CQ27" s="16">
        <v>4030</v>
      </c>
      <c r="CR27" s="16">
        <v>1134</v>
      </c>
      <c r="CS27" s="16">
        <v>298</v>
      </c>
      <c r="CT27" s="16">
        <v>71104</v>
      </c>
      <c r="CU27" s="17">
        <v>32.851480000000002</v>
      </c>
    </row>
    <row r="28" spans="1:99" x14ac:dyDescent="0.15">
      <c r="A28" s="18" t="s">
        <v>193</v>
      </c>
      <c r="B28" s="18" t="s">
        <v>192</v>
      </c>
      <c r="C28" s="18" t="s">
        <v>153</v>
      </c>
      <c r="D28" s="18" t="s">
        <v>8</v>
      </c>
      <c r="E28" s="18" t="s">
        <v>3</v>
      </c>
      <c r="F28" s="18" t="s">
        <v>156</v>
      </c>
      <c r="G28" s="16">
        <v>213935</v>
      </c>
      <c r="H28" s="16" t="s">
        <v>304</v>
      </c>
      <c r="I28" s="16" t="s">
        <v>304</v>
      </c>
      <c r="J28" s="16">
        <v>5</v>
      </c>
      <c r="K28" s="16">
        <v>15</v>
      </c>
      <c r="L28" s="16">
        <v>30</v>
      </c>
      <c r="M28" s="16">
        <v>69</v>
      </c>
      <c r="N28" s="16">
        <v>105</v>
      </c>
      <c r="O28" s="16">
        <v>154</v>
      </c>
      <c r="P28" s="16">
        <v>253</v>
      </c>
      <c r="Q28" s="16">
        <v>403</v>
      </c>
      <c r="R28" s="16">
        <v>625</v>
      </c>
      <c r="S28" s="16">
        <v>961</v>
      </c>
      <c r="T28" s="16">
        <v>1271</v>
      </c>
      <c r="U28" s="16">
        <v>1493</v>
      </c>
      <c r="V28" s="16">
        <v>1840</v>
      </c>
      <c r="W28" s="16">
        <v>2129</v>
      </c>
      <c r="X28" s="16">
        <v>2360</v>
      </c>
      <c r="Y28" s="16">
        <v>2505</v>
      </c>
      <c r="Z28" s="16">
        <v>2780</v>
      </c>
      <c r="AA28" s="16">
        <v>2729</v>
      </c>
      <c r="AB28" s="16">
        <v>3034</v>
      </c>
      <c r="AC28" s="16">
        <v>3303</v>
      </c>
      <c r="AD28" s="16">
        <v>3608</v>
      </c>
      <c r="AE28" s="16">
        <v>3804</v>
      </c>
      <c r="AF28" s="16">
        <v>4041</v>
      </c>
      <c r="AG28" s="16">
        <v>4430</v>
      </c>
      <c r="AH28" s="16">
        <v>4728</v>
      </c>
      <c r="AI28" s="16">
        <v>4835</v>
      </c>
      <c r="AJ28" s="16">
        <v>4768</v>
      </c>
      <c r="AK28" s="16">
        <v>4444</v>
      </c>
      <c r="AL28" s="16">
        <v>4185</v>
      </c>
      <c r="AM28" s="16">
        <v>4182</v>
      </c>
      <c r="AN28" s="16">
        <v>4057</v>
      </c>
      <c r="AO28" s="16">
        <v>4089</v>
      </c>
      <c r="AP28" s="16">
        <v>3109</v>
      </c>
      <c r="AQ28" s="16">
        <v>3994</v>
      </c>
      <c r="AR28" s="16">
        <v>3772</v>
      </c>
      <c r="AS28" s="16">
        <v>3858</v>
      </c>
      <c r="AT28" s="16">
        <v>3446</v>
      </c>
      <c r="AU28" s="16">
        <v>3641</v>
      </c>
      <c r="AV28" s="16">
        <v>3720</v>
      </c>
      <c r="AW28" s="16">
        <v>3737</v>
      </c>
      <c r="AX28" s="16">
        <v>3684</v>
      </c>
      <c r="AY28" s="16">
        <v>3600</v>
      </c>
      <c r="AZ28" s="16">
        <v>3802</v>
      </c>
      <c r="BA28" s="16">
        <v>4222</v>
      </c>
      <c r="BB28" s="16">
        <v>4074</v>
      </c>
      <c r="BC28" s="16">
        <v>4372</v>
      </c>
      <c r="BD28" s="16">
        <v>4403</v>
      </c>
      <c r="BE28" s="16">
        <v>4597</v>
      </c>
      <c r="BF28" s="16">
        <v>5305</v>
      </c>
      <c r="BG28" s="16">
        <v>5836</v>
      </c>
      <c r="BH28" s="16">
        <v>5808</v>
      </c>
      <c r="BI28" s="16">
        <v>6311</v>
      </c>
      <c r="BJ28" s="16">
        <v>3165</v>
      </c>
      <c r="BK28" s="16">
        <v>3493</v>
      </c>
      <c r="BL28" s="16">
        <v>4413</v>
      </c>
      <c r="BM28" s="16">
        <v>4103</v>
      </c>
      <c r="BN28" s="16">
        <v>4254</v>
      </c>
      <c r="BO28" s="16">
        <v>3703</v>
      </c>
      <c r="BP28" s="16">
        <v>3299</v>
      </c>
      <c r="BQ28" s="16">
        <v>2618</v>
      </c>
      <c r="BR28" s="16">
        <v>2697</v>
      </c>
      <c r="BS28" s="16">
        <v>2637</v>
      </c>
      <c r="BT28" s="16">
        <v>2679</v>
      </c>
      <c r="BU28" s="16">
        <v>2162</v>
      </c>
      <c r="BV28" s="16">
        <v>2067</v>
      </c>
      <c r="BW28" s="16">
        <v>1843</v>
      </c>
      <c r="BX28" s="16">
        <v>1589</v>
      </c>
      <c r="BY28" s="16">
        <v>1446</v>
      </c>
      <c r="BZ28" s="16">
        <v>1115</v>
      </c>
      <c r="CA28" s="16">
        <v>1025</v>
      </c>
      <c r="CB28" s="16">
        <v>795</v>
      </c>
      <c r="CC28" s="16">
        <v>653</v>
      </c>
      <c r="CD28" s="16">
        <v>520</v>
      </c>
      <c r="CE28" s="16">
        <v>374</v>
      </c>
      <c r="CF28" s="16">
        <v>257</v>
      </c>
      <c r="CG28" s="16">
        <v>164</v>
      </c>
      <c r="CH28" s="16">
        <v>109</v>
      </c>
      <c r="CI28" s="16">
        <v>84</v>
      </c>
      <c r="CJ28" s="16">
        <v>63</v>
      </c>
      <c r="CK28" s="16">
        <v>34</v>
      </c>
      <c r="CL28" s="16">
        <v>19</v>
      </c>
      <c r="CM28" s="16">
        <v>15</v>
      </c>
      <c r="CN28" s="16">
        <v>3</v>
      </c>
      <c r="CO28" s="16">
        <v>11</v>
      </c>
      <c r="CP28" s="16">
        <v>139266</v>
      </c>
      <c r="CQ28" s="16">
        <v>74669</v>
      </c>
      <c r="CR28" s="16">
        <v>28278</v>
      </c>
      <c r="CS28" s="16">
        <v>5241</v>
      </c>
      <c r="CT28" s="16">
        <v>165641</v>
      </c>
      <c r="CU28" s="17">
        <v>56.613959999999999</v>
      </c>
    </row>
    <row r="29" spans="1:99" x14ac:dyDescent="0.15">
      <c r="A29" s="18" t="s">
        <v>193</v>
      </c>
      <c r="B29" s="18" t="s">
        <v>192</v>
      </c>
      <c r="C29" s="18" t="s">
        <v>153</v>
      </c>
      <c r="D29" s="18" t="s">
        <v>8</v>
      </c>
      <c r="E29" s="18" t="s">
        <v>3</v>
      </c>
      <c r="F29" s="18" t="s">
        <v>155</v>
      </c>
      <c r="G29" s="16">
        <v>37063</v>
      </c>
      <c r="H29" s="16" t="s">
        <v>304</v>
      </c>
      <c r="I29" s="16" t="s">
        <v>304</v>
      </c>
      <c r="J29" s="16" t="s">
        <v>304</v>
      </c>
      <c r="K29" s="16">
        <v>1</v>
      </c>
      <c r="L29" s="16" t="s">
        <v>304</v>
      </c>
      <c r="M29" s="16">
        <v>1</v>
      </c>
      <c r="N29" s="16">
        <v>1</v>
      </c>
      <c r="O29" s="16">
        <v>1</v>
      </c>
      <c r="P29" s="16" t="s">
        <v>304</v>
      </c>
      <c r="Q29" s="16">
        <v>1</v>
      </c>
      <c r="R29" s="16">
        <v>1</v>
      </c>
      <c r="S29" s="16">
        <v>1</v>
      </c>
      <c r="T29" s="16" t="s">
        <v>304</v>
      </c>
      <c r="U29" s="16">
        <v>2</v>
      </c>
      <c r="V29" s="16">
        <v>1</v>
      </c>
      <c r="W29" s="16">
        <v>1</v>
      </c>
      <c r="X29" s="16">
        <v>1</v>
      </c>
      <c r="Y29" s="16">
        <v>1</v>
      </c>
      <c r="Z29" s="16">
        <v>3</v>
      </c>
      <c r="AA29" s="16">
        <v>7</v>
      </c>
      <c r="AB29" s="16">
        <v>5</v>
      </c>
      <c r="AC29" s="16">
        <v>5</v>
      </c>
      <c r="AD29" s="16">
        <v>10</v>
      </c>
      <c r="AE29" s="16">
        <v>11</v>
      </c>
      <c r="AF29" s="16">
        <v>17</v>
      </c>
      <c r="AG29" s="16">
        <v>25</v>
      </c>
      <c r="AH29" s="16">
        <v>18</v>
      </c>
      <c r="AI29" s="16">
        <v>29</v>
      </c>
      <c r="AJ29" s="16">
        <v>24</v>
      </c>
      <c r="AK29" s="16">
        <v>31</v>
      </c>
      <c r="AL29" s="16">
        <v>28</v>
      </c>
      <c r="AM29" s="16">
        <v>41</v>
      </c>
      <c r="AN29" s="16">
        <v>47</v>
      </c>
      <c r="AO29" s="16">
        <v>59</v>
      </c>
      <c r="AP29" s="16">
        <v>48</v>
      </c>
      <c r="AQ29" s="16">
        <v>70</v>
      </c>
      <c r="AR29" s="16">
        <v>78</v>
      </c>
      <c r="AS29" s="16">
        <v>85</v>
      </c>
      <c r="AT29" s="16">
        <v>85</v>
      </c>
      <c r="AU29" s="16">
        <v>114</v>
      </c>
      <c r="AV29" s="16">
        <v>128</v>
      </c>
      <c r="AW29" s="16">
        <v>145</v>
      </c>
      <c r="AX29" s="16">
        <v>160</v>
      </c>
      <c r="AY29" s="16">
        <v>151</v>
      </c>
      <c r="AZ29" s="16">
        <v>187</v>
      </c>
      <c r="BA29" s="16">
        <v>251</v>
      </c>
      <c r="BB29" s="16">
        <v>268</v>
      </c>
      <c r="BC29" s="16">
        <v>327</v>
      </c>
      <c r="BD29" s="16">
        <v>374</v>
      </c>
      <c r="BE29" s="16">
        <v>411</v>
      </c>
      <c r="BF29" s="16">
        <v>537</v>
      </c>
      <c r="BG29" s="16">
        <v>665</v>
      </c>
      <c r="BH29" s="16">
        <v>789</v>
      </c>
      <c r="BI29" s="16">
        <v>851</v>
      </c>
      <c r="BJ29" s="16">
        <v>512</v>
      </c>
      <c r="BK29" s="16">
        <v>590</v>
      </c>
      <c r="BL29" s="16">
        <v>845</v>
      </c>
      <c r="BM29" s="16">
        <v>869</v>
      </c>
      <c r="BN29" s="16">
        <v>1053</v>
      </c>
      <c r="BO29" s="16">
        <v>1085</v>
      </c>
      <c r="BP29" s="16">
        <v>1037</v>
      </c>
      <c r="BQ29" s="16">
        <v>960</v>
      </c>
      <c r="BR29" s="16">
        <v>1092</v>
      </c>
      <c r="BS29" s="16">
        <v>1272</v>
      </c>
      <c r="BT29" s="16">
        <v>1530</v>
      </c>
      <c r="BU29" s="16">
        <v>1279</v>
      </c>
      <c r="BV29" s="16">
        <v>1462</v>
      </c>
      <c r="BW29" s="16">
        <v>1685</v>
      </c>
      <c r="BX29" s="16">
        <v>1625</v>
      </c>
      <c r="BY29" s="16">
        <v>1547</v>
      </c>
      <c r="BZ29" s="16">
        <v>1458</v>
      </c>
      <c r="CA29" s="16">
        <v>1510</v>
      </c>
      <c r="CB29" s="16">
        <v>1410</v>
      </c>
      <c r="CC29" s="16">
        <v>1316</v>
      </c>
      <c r="CD29" s="16">
        <v>1252</v>
      </c>
      <c r="CE29" s="16">
        <v>1112</v>
      </c>
      <c r="CF29" s="16">
        <v>967</v>
      </c>
      <c r="CG29" s="16">
        <v>749</v>
      </c>
      <c r="CH29" s="16">
        <v>694</v>
      </c>
      <c r="CI29" s="16">
        <v>568</v>
      </c>
      <c r="CJ29" s="16">
        <v>455</v>
      </c>
      <c r="CK29" s="16">
        <v>293</v>
      </c>
      <c r="CL29" s="16">
        <v>205</v>
      </c>
      <c r="CM29" s="16">
        <v>161</v>
      </c>
      <c r="CN29" s="16">
        <v>147</v>
      </c>
      <c r="CO29" s="16">
        <v>226</v>
      </c>
      <c r="CP29" s="16">
        <v>3255</v>
      </c>
      <c r="CQ29" s="16">
        <v>33808</v>
      </c>
      <c r="CR29" s="16">
        <v>26012</v>
      </c>
      <c r="CS29" s="16">
        <v>12523</v>
      </c>
      <c r="CT29" s="16">
        <v>6608</v>
      </c>
      <c r="CU29" s="17">
        <v>79.667630000000003</v>
      </c>
    </row>
    <row r="30" spans="1:99" x14ac:dyDescent="0.15">
      <c r="A30" s="18" t="s">
        <v>193</v>
      </c>
      <c r="B30" s="18" t="s">
        <v>192</v>
      </c>
      <c r="C30" s="18" t="s">
        <v>153</v>
      </c>
      <c r="D30" s="18" t="s">
        <v>8</v>
      </c>
      <c r="E30" s="18" t="s">
        <v>3</v>
      </c>
      <c r="F30" s="18" t="s">
        <v>154</v>
      </c>
      <c r="G30" s="16">
        <v>18390</v>
      </c>
      <c r="H30" s="16" t="s">
        <v>304</v>
      </c>
      <c r="I30" s="16" t="s">
        <v>304</v>
      </c>
      <c r="J30" s="16" t="s">
        <v>304</v>
      </c>
      <c r="K30" s="16">
        <v>2</v>
      </c>
      <c r="L30" s="16">
        <v>2</v>
      </c>
      <c r="M30" s="16">
        <v>6</v>
      </c>
      <c r="N30" s="16">
        <v>7</v>
      </c>
      <c r="O30" s="16">
        <v>12</v>
      </c>
      <c r="P30" s="16">
        <v>11</v>
      </c>
      <c r="Q30" s="16">
        <v>18</v>
      </c>
      <c r="R30" s="16">
        <v>39</v>
      </c>
      <c r="S30" s="16">
        <v>49</v>
      </c>
      <c r="T30" s="16">
        <v>46</v>
      </c>
      <c r="U30" s="16">
        <v>59</v>
      </c>
      <c r="V30" s="16">
        <v>84</v>
      </c>
      <c r="W30" s="16">
        <v>110</v>
      </c>
      <c r="X30" s="16">
        <v>127</v>
      </c>
      <c r="Y30" s="16">
        <v>130</v>
      </c>
      <c r="Z30" s="16">
        <v>143</v>
      </c>
      <c r="AA30" s="16">
        <v>179</v>
      </c>
      <c r="AB30" s="16">
        <v>206</v>
      </c>
      <c r="AC30" s="16">
        <v>224</v>
      </c>
      <c r="AD30" s="16">
        <v>257</v>
      </c>
      <c r="AE30" s="16">
        <v>255</v>
      </c>
      <c r="AF30" s="16">
        <v>291</v>
      </c>
      <c r="AG30" s="16">
        <v>358</v>
      </c>
      <c r="AH30" s="16">
        <v>402</v>
      </c>
      <c r="AI30" s="16">
        <v>429</v>
      </c>
      <c r="AJ30" s="16">
        <v>481</v>
      </c>
      <c r="AK30" s="16">
        <v>451</v>
      </c>
      <c r="AL30" s="16">
        <v>464</v>
      </c>
      <c r="AM30" s="16">
        <v>469</v>
      </c>
      <c r="AN30" s="16">
        <v>466</v>
      </c>
      <c r="AO30" s="16">
        <v>444</v>
      </c>
      <c r="AP30" s="16">
        <v>371</v>
      </c>
      <c r="AQ30" s="16">
        <v>478</v>
      </c>
      <c r="AR30" s="16">
        <v>427</v>
      </c>
      <c r="AS30" s="16">
        <v>424</v>
      </c>
      <c r="AT30" s="16">
        <v>347</v>
      </c>
      <c r="AU30" s="16">
        <v>456</v>
      </c>
      <c r="AV30" s="16">
        <v>392</v>
      </c>
      <c r="AW30" s="16">
        <v>396</v>
      </c>
      <c r="AX30" s="16">
        <v>358</v>
      </c>
      <c r="AY30" s="16">
        <v>355</v>
      </c>
      <c r="AZ30" s="16">
        <v>363</v>
      </c>
      <c r="BA30" s="16">
        <v>396</v>
      </c>
      <c r="BB30" s="16">
        <v>394</v>
      </c>
      <c r="BC30" s="16">
        <v>441</v>
      </c>
      <c r="BD30" s="16">
        <v>425</v>
      </c>
      <c r="BE30" s="16">
        <v>473</v>
      </c>
      <c r="BF30" s="16">
        <v>508</v>
      </c>
      <c r="BG30" s="16">
        <v>552</v>
      </c>
      <c r="BH30" s="16">
        <v>559</v>
      </c>
      <c r="BI30" s="16">
        <v>570</v>
      </c>
      <c r="BJ30" s="16">
        <v>270</v>
      </c>
      <c r="BK30" s="16">
        <v>261</v>
      </c>
      <c r="BL30" s="16">
        <v>397</v>
      </c>
      <c r="BM30" s="16">
        <v>278</v>
      </c>
      <c r="BN30" s="16">
        <v>324</v>
      </c>
      <c r="BO30" s="16">
        <v>265</v>
      </c>
      <c r="BP30" s="16">
        <v>222</v>
      </c>
      <c r="BQ30" s="16">
        <v>180</v>
      </c>
      <c r="BR30" s="16">
        <v>183</v>
      </c>
      <c r="BS30" s="16">
        <v>154</v>
      </c>
      <c r="BT30" s="16">
        <v>108</v>
      </c>
      <c r="BU30" s="16">
        <v>125</v>
      </c>
      <c r="BV30" s="16">
        <v>131</v>
      </c>
      <c r="BW30" s="16">
        <v>92</v>
      </c>
      <c r="BX30" s="16">
        <v>88</v>
      </c>
      <c r="BY30" s="16">
        <v>74</v>
      </c>
      <c r="BZ30" s="16">
        <v>56</v>
      </c>
      <c r="CA30" s="16">
        <v>52</v>
      </c>
      <c r="CB30" s="16">
        <v>53</v>
      </c>
      <c r="CC30" s="16">
        <v>42</v>
      </c>
      <c r="CD30" s="16">
        <v>38</v>
      </c>
      <c r="CE30" s="16">
        <v>28</v>
      </c>
      <c r="CF30" s="16">
        <v>17</v>
      </c>
      <c r="CG30" s="16">
        <v>7</v>
      </c>
      <c r="CH30" s="16">
        <v>13</v>
      </c>
      <c r="CI30" s="16">
        <v>5</v>
      </c>
      <c r="CJ30" s="16">
        <v>7</v>
      </c>
      <c r="CK30" s="16">
        <v>5</v>
      </c>
      <c r="CL30" s="16">
        <v>1</v>
      </c>
      <c r="CM30" s="16">
        <v>4</v>
      </c>
      <c r="CN30" s="16">
        <v>1</v>
      </c>
      <c r="CO30" s="16">
        <v>3</v>
      </c>
      <c r="CP30" s="16">
        <v>12717</v>
      </c>
      <c r="CQ30" s="16">
        <v>5673</v>
      </c>
      <c r="CR30" s="16">
        <v>1689</v>
      </c>
      <c r="CS30" s="16">
        <v>332</v>
      </c>
      <c r="CT30" s="16">
        <v>15172</v>
      </c>
      <c r="CU30" s="17">
        <v>56.463889999999999</v>
      </c>
    </row>
    <row r="31" spans="1:99" x14ac:dyDescent="0.15">
      <c r="A31" s="18" t="s">
        <v>193</v>
      </c>
      <c r="B31" s="18" t="s">
        <v>192</v>
      </c>
      <c r="C31" s="18" t="s">
        <v>153</v>
      </c>
      <c r="D31" s="18" t="s">
        <v>8</v>
      </c>
      <c r="E31" s="18" t="s">
        <v>5</v>
      </c>
      <c r="F31" s="18" t="s">
        <v>3</v>
      </c>
      <c r="G31" s="16">
        <v>174700</v>
      </c>
      <c r="H31" s="16">
        <v>2115</v>
      </c>
      <c r="I31" s="16">
        <v>2025</v>
      </c>
      <c r="J31" s="16">
        <v>2090</v>
      </c>
      <c r="K31" s="16">
        <v>1994</v>
      </c>
      <c r="L31" s="16">
        <v>1938</v>
      </c>
      <c r="M31" s="16">
        <v>2053</v>
      </c>
      <c r="N31" s="16">
        <v>1888</v>
      </c>
      <c r="O31" s="16">
        <v>1891</v>
      </c>
      <c r="P31" s="16">
        <v>1889</v>
      </c>
      <c r="Q31" s="16">
        <v>1880</v>
      </c>
      <c r="R31" s="16">
        <v>1950</v>
      </c>
      <c r="S31" s="16">
        <v>1964</v>
      </c>
      <c r="T31" s="16">
        <v>2027</v>
      </c>
      <c r="U31" s="16">
        <v>2025</v>
      </c>
      <c r="V31" s="16">
        <v>2172</v>
      </c>
      <c r="W31" s="16">
        <v>2182</v>
      </c>
      <c r="X31" s="16">
        <v>2299</v>
      </c>
      <c r="Y31" s="16">
        <v>2333</v>
      </c>
      <c r="Z31" s="16">
        <v>2382</v>
      </c>
      <c r="AA31" s="16">
        <v>2337</v>
      </c>
      <c r="AB31" s="16">
        <v>2488</v>
      </c>
      <c r="AC31" s="16">
        <v>2616</v>
      </c>
      <c r="AD31" s="16">
        <v>2918</v>
      </c>
      <c r="AE31" s="16">
        <v>2885</v>
      </c>
      <c r="AF31" s="16">
        <v>3106</v>
      </c>
      <c r="AG31" s="16">
        <v>3282</v>
      </c>
      <c r="AH31" s="16">
        <v>3469</v>
      </c>
      <c r="AI31" s="16">
        <v>3504</v>
      </c>
      <c r="AJ31" s="16">
        <v>3539</v>
      </c>
      <c r="AK31" s="16">
        <v>3253</v>
      </c>
      <c r="AL31" s="16">
        <v>3140</v>
      </c>
      <c r="AM31" s="16">
        <v>3160</v>
      </c>
      <c r="AN31" s="16">
        <v>2893</v>
      </c>
      <c r="AO31" s="16">
        <v>2851</v>
      </c>
      <c r="AP31" s="16">
        <v>2185</v>
      </c>
      <c r="AQ31" s="16">
        <v>2684</v>
      </c>
      <c r="AR31" s="16">
        <v>2558</v>
      </c>
      <c r="AS31" s="16">
        <v>2607</v>
      </c>
      <c r="AT31" s="16">
        <v>2323</v>
      </c>
      <c r="AU31" s="16">
        <v>2340</v>
      </c>
      <c r="AV31" s="16">
        <v>2421</v>
      </c>
      <c r="AW31" s="16">
        <v>2382</v>
      </c>
      <c r="AX31" s="16">
        <v>2316</v>
      </c>
      <c r="AY31" s="16">
        <v>2269</v>
      </c>
      <c r="AZ31" s="16">
        <v>2340</v>
      </c>
      <c r="BA31" s="16">
        <v>2606</v>
      </c>
      <c r="BB31" s="16">
        <v>2579</v>
      </c>
      <c r="BC31" s="16">
        <v>2727</v>
      </c>
      <c r="BD31" s="16">
        <v>2808</v>
      </c>
      <c r="BE31" s="16">
        <v>2841</v>
      </c>
      <c r="BF31" s="16">
        <v>3288</v>
      </c>
      <c r="BG31" s="16">
        <v>3683</v>
      </c>
      <c r="BH31" s="16">
        <v>3660</v>
      </c>
      <c r="BI31" s="16">
        <v>3849</v>
      </c>
      <c r="BJ31" s="16">
        <v>1964</v>
      </c>
      <c r="BK31" s="16">
        <v>2132</v>
      </c>
      <c r="BL31" s="16">
        <v>2694</v>
      </c>
      <c r="BM31" s="16">
        <v>2483</v>
      </c>
      <c r="BN31" s="16">
        <v>2663</v>
      </c>
      <c r="BO31" s="16">
        <v>2382</v>
      </c>
      <c r="BP31" s="16">
        <v>2125</v>
      </c>
      <c r="BQ31" s="16">
        <v>1739</v>
      </c>
      <c r="BR31" s="16">
        <v>1787</v>
      </c>
      <c r="BS31" s="16">
        <v>1786</v>
      </c>
      <c r="BT31" s="16">
        <v>1823</v>
      </c>
      <c r="BU31" s="16">
        <v>1526</v>
      </c>
      <c r="BV31" s="16">
        <v>1486</v>
      </c>
      <c r="BW31" s="16">
        <v>1392</v>
      </c>
      <c r="BX31" s="16">
        <v>1218</v>
      </c>
      <c r="BY31" s="16">
        <v>1164</v>
      </c>
      <c r="BZ31" s="16">
        <v>962</v>
      </c>
      <c r="CA31" s="16">
        <v>864</v>
      </c>
      <c r="CB31" s="16">
        <v>768</v>
      </c>
      <c r="CC31" s="16">
        <v>660</v>
      </c>
      <c r="CD31" s="16">
        <v>553</v>
      </c>
      <c r="CE31" s="16">
        <v>410</v>
      </c>
      <c r="CF31" s="16">
        <v>339</v>
      </c>
      <c r="CG31" s="16">
        <v>209</v>
      </c>
      <c r="CH31" s="16">
        <v>159</v>
      </c>
      <c r="CI31" s="16">
        <v>128</v>
      </c>
      <c r="CJ31" s="16">
        <v>105</v>
      </c>
      <c r="CK31" s="16">
        <v>52</v>
      </c>
      <c r="CL31" s="16">
        <v>39</v>
      </c>
      <c r="CM31" s="16">
        <v>35</v>
      </c>
      <c r="CN31" s="16">
        <v>16</v>
      </c>
      <c r="CO31" s="16">
        <v>33</v>
      </c>
      <c r="CP31" s="16">
        <v>124524</v>
      </c>
      <c r="CQ31" s="16">
        <v>50176</v>
      </c>
      <c r="CR31" s="16">
        <v>21378</v>
      </c>
      <c r="CS31" s="16">
        <v>5332</v>
      </c>
      <c r="CT31" s="16">
        <v>130806</v>
      </c>
      <c r="CU31" s="17">
        <v>50.969799999999999</v>
      </c>
    </row>
    <row r="32" spans="1:99" x14ac:dyDescent="0.15">
      <c r="A32" s="18" t="s">
        <v>193</v>
      </c>
      <c r="B32" s="18" t="s">
        <v>192</v>
      </c>
      <c r="C32" s="18" t="s">
        <v>153</v>
      </c>
      <c r="D32" s="18" t="s">
        <v>8</v>
      </c>
      <c r="E32" s="18" t="s">
        <v>5</v>
      </c>
      <c r="F32" s="18" t="s">
        <v>157</v>
      </c>
      <c r="G32" s="16">
        <v>54145</v>
      </c>
      <c r="H32" s="16">
        <v>2115</v>
      </c>
      <c r="I32" s="16">
        <v>2025</v>
      </c>
      <c r="J32" s="16">
        <v>2087</v>
      </c>
      <c r="K32" s="16">
        <v>1990</v>
      </c>
      <c r="L32" s="16">
        <v>1919</v>
      </c>
      <c r="M32" s="16">
        <v>2024</v>
      </c>
      <c r="N32" s="16">
        <v>1845</v>
      </c>
      <c r="O32" s="16">
        <v>1833</v>
      </c>
      <c r="P32" s="16">
        <v>1799</v>
      </c>
      <c r="Q32" s="16">
        <v>1717</v>
      </c>
      <c r="R32" s="16">
        <v>1698</v>
      </c>
      <c r="S32" s="16">
        <v>1542</v>
      </c>
      <c r="T32" s="16">
        <v>1491</v>
      </c>
      <c r="U32" s="16">
        <v>1387</v>
      </c>
      <c r="V32" s="16">
        <v>1328</v>
      </c>
      <c r="W32" s="16">
        <v>1188</v>
      </c>
      <c r="X32" s="16">
        <v>1151</v>
      </c>
      <c r="Y32" s="16">
        <v>1100</v>
      </c>
      <c r="Z32" s="16">
        <v>1023</v>
      </c>
      <c r="AA32" s="16">
        <v>1027</v>
      </c>
      <c r="AB32" s="16">
        <v>989</v>
      </c>
      <c r="AC32" s="16">
        <v>975</v>
      </c>
      <c r="AD32" s="16">
        <v>1051</v>
      </c>
      <c r="AE32" s="16">
        <v>996</v>
      </c>
      <c r="AF32" s="16">
        <v>1055</v>
      </c>
      <c r="AG32" s="16">
        <v>1052</v>
      </c>
      <c r="AH32" s="16">
        <v>1029</v>
      </c>
      <c r="AI32" s="16">
        <v>964</v>
      </c>
      <c r="AJ32" s="16">
        <v>1041</v>
      </c>
      <c r="AK32" s="16">
        <v>954</v>
      </c>
      <c r="AL32" s="16">
        <v>891</v>
      </c>
      <c r="AM32" s="16">
        <v>864</v>
      </c>
      <c r="AN32" s="16">
        <v>745</v>
      </c>
      <c r="AO32" s="16">
        <v>678</v>
      </c>
      <c r="AP32" s="16">
        <v>528</v>
      </c>
      <c r="AQ32" s="16">
        <v>560</v>
      </c>
      <c r="AR32" s="16">
        <v>505</v>
      </c>
      <c r="AS32" s="16">
        <v>500</v>
      </c>
      <c r="AT32" s="16">
        <v>471</v>
      </c>
      <c r="AU32" s="16">
        <v>416</v>
      </c>
      <c r="AV32" s="16">
        <v>418</v>
      </c>
      <c r="AW32" s="16">
        <v>382</v>
      </c>
      <c r="AX32" s="16">
        <v>351</v>
      </c>
      <c r="AY32" s="16">
        <v>333</v>
      </c>
      <c r="AZ32" s="16">
        <v>297</v>
      </c>
      <c r="BA32" s="16">
        <v>324</v>
      </c>
      <c r="BB32" s="16">
        <v>329</v>
      </c>
      <c r="BC32" s="16">
        <v>367</v>
      </c>
      <c r="BD32" s="16">
        <v>360</v>
      </c>
      <c r="BE32" s="16">
        <v>308</v>
      </c>
      <c r="BF32" s="16">
        <v>344</v>
      </c>
      <c r="BG32" s="16">
        <v>318</v>
      </c>
      <c r="BH32" s="16">
        <v>288</v>
      </c>
      <c r="BI32" s="16">
        <v>250</v>
      </c>
      <c r="BJ32" s="16">
        <v>123</v>
      </c>
      <c r="BK32" s="16">
        <v>107</v>
      </c>
      <c r="BL32" s="16">
        <v>122</v>
      </c>
      <c r="BM32" s="16">
        <v>81</v>
      </c>
      <c r="BN32" s="16">
        <v>97</v>
      </c>
      <c r="BO32" s="16">
        <v>75</v>
      </c>
      <c r="BP32" s="16">
        <v>45</v>
      </c>
      <c r="BQ32" s="16">
        <v>31</v>
      </c>
      <c r="BR32" s="16">
        <v>33</v>
      </c>
      <c r="BS32" s="16">
        <v>34</v>
      </c>
      <c r="BT32" s="16">
        <v>36</v>
      </c>
      <c r="BU32" s="16">
        <v>22</v>
      </c>
      <c r="BV32" s="16">
        <v>20</v>
      </c>
      <c r="BW32" s="16">
        <v>18</v>
      </c>
      <c r="BX32" s="16">
        <v>18</v>
      </c>
      <c r="BY32" s="16">
        <v>19</v>
      </c>
      <c r="BZ32" s="16">
        <v>7</v>
      </c>
      <c r="CA32" s="16">
        <v>9</v>
      </c>
      <c r="CB32" s="16">
        <v>8</v>
      </c>
      <c r="CC32" s="16">
        <v>7</v>
      </c>
      <c r="CD32" s="16">
        <v>3</v>
      </c>
      <c r="CE32" s="16">
        <v>2</v>
      </c>
      <c r="CF32" s="16">
        <v>2</v>
      </c>
      <c r="CG32" s="16">
        <v>2</v>
      </c>
      <c r="CH32" s="16">
        <v>1</v>
      </c>
      <c r="CI32" s="16">
        <v>1</v>
      </c>
      <c r="CJ32" s="16" t="s">
        <v>304</v>
      </c>
      <c r="CK32" s="16" t="s">
        <v>304</v>
      </c>
      <c r="CL32" s="16" t="s">
        <v>304</v>
      </c>
      <c r="CM32" s="16" t="s">
        <v>304</v>
      </c>
      <c r="CN32" s="16" t="s">
        <v>304</v>
      </c>
      <c r="CO32" s="16" t="s">
        <v>304</v>
      </c>
      <c r="CP32" s="16">
        <v>52022</v>
      </c>
      <c r="CQ32" s="16">
        <v>2123</v>
      </c>
      <c r="CR32" s="16">
        <v>318</v>
      </c>
      <c r="CS32" s="16">
        <v>42</v>
      </c>
      <c r="CT32" s="16">
        <v>43209</v>
      </c>
      <c r="CU32" s="17">
        <v>33.798200000000001</v>
      </c>
    </row>
    <row r="33" spans="1:99" x14ac:dyDescent="0.15">
      <c r="A33" s="18" t="s">
        <v>193</v>
      </c>
      <c r="B33" s="18" t="s">
        <v>192</v>
      </c>
      <c r="C33" s="18" t="s">
        <v>153</v>
      </c>
      <c r="D33" s="18" t="s">
        <v>8</v>
      </c>
      <c r="E33" s="18" t="s">
        <v>5</v>
      </c>
      <c r="F33" s="18" t="s">
        <v>156</v>
      </c>
      <c r="G33" s="16">
        <v>107614</v>
      </c>
      <c r="H33" s="16" t="s">
        <v>304</v>
      </c>
      <c r="I33" s="16" t="s">
        <v>304</v>
      </c>
      <c r="J33" s="16">
        <v>3</v>
      </c>
      <c r="K33" s="16">
        <v>4</v>
      </c>
      <c r="L33" s="16">
        <v>18</v>
      </c>
      <c r="M33" s="16">
        <v>27</v>
      </c>
      <c r="N33" s="16">
        <v>43</v>
      </c>
      <c r="O33" s="16">
        <v>55</v>
      </c>
      <c r="P33" s="16">
        <v>87</v>
      </c>
      <c r="Q33" s="16">
        <v>157</v>
      </c>
      <c r="R33" s="16">
        <v>239</v>
      </c>
      <c r="S33" s="16">
        <v>406</v>
      </c>
      <c r="T33" s="16">
        <v>521</v>
      </c>
      <c r="U33" s="16">
        <v>620</v>
      </c>
      <c r="V33" s="16">
        <v>816</v>
      </c>
      <c r="W33" s="16">
        <v>959</v>
      </c>
      <c r="X33" s="16">
        <v>1100</v>
      </c>
      <c r="Y33" s="16">
        <v>1181</v>
      </c>
      <c r="Z33" s="16">
        <v>1313</v>
      </c>
      <c r="AA33" s="16">
        <v>1243</v>
      </c>
      <c r="AB33" s="16">
        <v>1417</v>
      </c>
      <c r="AC33" s="16">
        <v>1563</v>
      </c>
      <c r="AD33" s="16">
        <v>1774</v>
      </c>
      <c r="AE33" s="16">
        <v>1797</v>
      </c>
      <c r="AF33" s="16">
        <v>1951</v>
      </c>
      <c r="AG33" s="16">
        <v>2103</v>
      </c>
      <c r="AH33" s="16">
        <v>2288</v>
      </c>
      <c r="AI33" s="16">
        <v>2371</v>
      </c>
      <c r="AJ33" s="16">
        <v>2308</v>
      </c>
      <c r="AK33" s="16">
        <v>2129</v>
      </c>
      <c r="AL33" s="16">
        <v>2066</v>
      </c>
      <c r="AM33" s="16">
        <v>2085</v>
      </c>
      <c r="AN33" s="16">
        <v>1958</v>
      </c>
      <c r="AO33" s="16">
        <v>1995</v>
      </c>
      <c r="AP33" s="16">
        <v>1494</v>
      </c>
      <c r="AQ33" s="16">
        <v>1928</v>
      </c>
      <c r="AR33" s="16">
        <v>1861</v>
      </c>
      <c r="AS33" s="16">
        <v>1926</v>
      </c>
      <c r="AT33" s="16">
        <v>1689</v>
      </c>
      <c r="AU33" s="16">
        <v>1718</v>
      </c>
      <c r="AV33" s="16">
        <v>1822</v>
      </c>
      <c r="AW33" s="16">
        <v>1793</v>
      </c>
      <c r="AX33" s="16">
        <v>1785</v>
      </c>
      <c r="AY33" s="16">
        <v>1746</v>
      </c>
      <c r="AZ33" s="16">
        <v>1845</v>
      </c>
      <c r="BA33" s="16">
        <v>2068</v>
      </c>
      <c r="BB33" s="16">
        <v>2020</v>
      </c>
      <c r="BC33" s="16">
        <v>2072</v>
      </c>
      <c r="BD33" s="16">
        <v>2188</v>
      </c>
      <c r="BE33" s="16">
        <v>2240</v>
      </c>
      <c r="BF33" s="16">
        <v>2606</v>
      </c>
      <c r="BG33" s="16">
        <v>2968</v>
      </c>
      <c r="BH33" s="16">
        <v>2980</v>
      </c>
      <c r="BI33" s="16">
        <v>3191</v>
      </c>
      <c r="BJ33" s="16">
        <v>1630</v>
      </c>
      <c r="BK33" s="16">
        <v>1791</v>
      </c>
      <c r="BL33" s="16">
        <v>2269</v>
      </c>
      <c r="BM33" s="16">
        <v>2141</v>
      </c>
      <c r="BN33" s="16">
        <v>2265</v>
      </c>
      <c r="BO33" s="16">
        <v>2013</v>
      </c>
      <c r="BP33" s="16">
        <v>1837</v>
      </c>
      <c r="BQ33" s="16">
        <v>1487</v>
      </c>
      <c r="BR33" s="16">
        <v>1476</v>
      </c>
      <c r="BS33" s="16">
        <v>1489</v>
      </c>
      <c r="BT33" s="16">
        <v>1554</v>
      </c>
      <c r="BU33" s="16">
        <v>1251</v>
      </c>
      <c r="BV33" s="16">
        <v>1245</v>
      </c>
      <c r="BW33" s="16">
        <v>1097</v>
      </c>
      <c r="BX33" s="16">
        <v>946</v>
      </c>
      <c r="BY33" s="16">
        <v>917</v>
      </c>
      <c r="BZ33" s="16">
        <v>736</v>
      </c>
      <c r="CA33" s="16">
        <v>673</v>
      </c>
      <c r="CB33" s="16">
        <v>565</v>
      </c>
      <c r="CC33" s="16">
        <v>448</v>
      </c>
      <c r="CD33" s="16">
        <v>377</v>
      </c>
      <c r="CE33" s="16">
        <v>268</v>
      </c>
      <c r="CF33" s="16">
        <v>204</v>
      </c>
      <c r="CG33" s="16">
        <v>127</v>
      </c>
      <c r="CH33" s="16">
        <v>88</v>
      </c>
      <c r="CI33" s="16">
        <v>66</v>
      </c>
      <c r="CJ33" s="16">
        <v>50</v>
      </c>
      <c r="CK33" s="16">
        <v>30</v>
      </c>
      <c r="CL33" s="16">
        <v>15</v>
      </c>
      <c r="CM33" s="16">
        <v>11</v>
      </c>
      <c r="CN33" s="16">
        <v>3</v>
      </c>
      <c r="CO33" s="16">
        <v>8</v>
      </c>
      <c r="CP33" s="16">
        <v>66792</v>
      </c>
      <c r="CQ33" s="16">
        <v>40822</v>
      </c>
      <c r="CR33" s="16">
        <v>16968</v>
      </c>
      <c r="CS33" s="16">
        <v>3669</v>
      </c>
      <c r="CT33" s="16">
        <v>80142</v>
      </c>
      <c r="CU33" s="17">
        <v>57.814459999999997</v>
      </c>
    </row>
    <row r="34" spans="1:99" x14ac:dyDescent="0.15">
      <c r="A34" s="18" t="s">
        <v>193</v>
      </c>
      <c r="B34" s="18" t="s">
        <v>192</v>
      </c>
      <c r="C34" s="18" t="s">
        <v>153</v>
      </c>
      <c r="D34" s="18" t="s">
        <v>8</v>
      </c>
      <c r="E34" s="18" t="s">
        <v>5</v>
      </c>
      <c r="F34" s="18" t="s">
        <v>155</v>
      </c>
      <c r="G34" s="16">
        <v>5682</v>
      </c>
      <c r="H34" s="16" t="s">
        <v>304</v>
      </c>
      <c r="I34" s="16" t="s">
        <v>304</v>
      </c>
      <c r="J34" s="16" t="s">
        <v>304</v>
      </c>
      <c r="K34" s="16" t="s">
        <v>304</v>
      </c>
      <c r="L34" s="16" t="s">
        <v>304</v>
      </c>
      <c r="M34" s="16" t="s">
        <v>304</v>
      </c>
      <c r="N34" s="16" t="s">
        <v>304</v>
      </c>
      <c r="O34" s="16" t="s">
        <v>304</v>
      </c>
      <c r="P34" s="16" t="s">
        <v>304</v>
      </c>
      <c r="Q34" s="16" t="s">
        <v>304</v>
      </c>
      <c r="R34" s="16" t="s">
        <v>304</v>
      </c>
      <c r="S34" s="16">
        <v>1</v>
      </c>
      <c r="T34" s="16" t="s">
        <v>304</v>
      </c>
      <c r="U34" s="16" t="s">
        <v>304</v>
      </c>
      <c r="V34" s="16" t="s">
        <v>304</v>
      </c>
      <c r="W34" s="16" t="s">
        <v>304</v>
      </c>
      <c r="X34" s="16" t="s">
        <v>304</v>
      </c>
      <c r="Y34" s="16" t="s">
        <v>304</v>
      </c>
      <c r="Z34" s="16">
        <v>1</v>
      </c>
      <c r="AA34" s="16" t="s">
        <v>304</v>
      </c>
      <c r="AB34" s="16">
        <v>3</v>
      </c>
      <c r="AC34" s="16" t="s">
        <v>304</v>
      </c>
      <c r="AD34" s="16">
        <v>3</v>
      </c>
      <c r="AE34" s="16">
        <v>5</v>
      </c>
      <c r="AF34" s="16">
        <v>2</v>
      </c>
      <c r="AG34" s="16">
        <v>7</v>
      </c>
      <c r="AH34" s="16">
        <v>3</v>
      </c>
      <c r="AI34" s="16">
        <v>6</v>
      </c>
      <c r="AJ34" s="16">
        <v>4</v>
      </c>
      <c r="AK34" s="16">
        <v>12</v>
      </c>
      <c r="AL34" s="16">
        <v>7</v>
      </c>
      <c r="AM34" s="16">
        <v>9</v>
      </c>
      <c r="AN34" s="16">
        <v>11</v>
      </c>
      <c r="AO34" s="16">
        <v>11</v>
      </c>
      <c r="AP34" s="16">
        <v>13</v>
      </c>
      <c r="AQ34" s="16">
        <v>10</v>
      </c>
      <c r="AR34" s="16">
        <v>19</v>
      </c>
      <c r="AS34" s="16">
        <v>18</v>
      </c>
      <c r="AT34" s="16">
        <v>20</v>
      </c>
      <c r="AU34" s="16">
        <v>20</v>
      </c>
      <c r="AV34" s="16">
        <v>24</v>
      </c>
      <c r="AW34" s="16">
        <v>30</v>
      </c>
      <c r="AX34" s="16">
        <v>30</v>
      </c>
      <c r="AY34" s="16">
        <v>36</v>
      </c>
      <c r="AZ34" s="16">
        <v>37</v>
      </c>
      <c r="BA34" s="16">
        <v>50</v>
      </c>
      <c r="BB34" s="16">
        <v>62</v>
      </c>
      <c r="BC34" s="16">
        <v>77</v>
      </c>
      <c r="BD34" s="16">
        <v>71</v>
      </c>
      <c r="BE34" s="16">
        <v>93</v>
      </c>
      <c r="BF34" s="16">
        <v>110</v>
      </c>
      <c r="BG34" s="16">
        <v>132</v>
      </c>
      <c r="BH34" s="16">
        <v>181</v>
      </c>
      <c r="BI34" s="16">
        <v>147</v>
      </c>
      <c r="BJ34" s="16">
        <v>98</v>
      </c>
      <c r="BK34" s="16">
        <v>123</v>
      </c>
      <c r="BL34" s="16">
        <v>152</v>
      </c>
      <c r="BM34" s="16">
        <v>150</v>
      </c>
      <c r="BN34" s="16">
        <v>165</v>
      </c>
      <c r="BO34" s="16">
        <v>191</v>
      </c>
      <c r="BP34" s="16">
        <v>148</v>
      </c>
      <c r="BQ34" s="16">
        <v>151</v>
      </c>
      <c r="BR34" s="16">
        <v>200</v>
      </c>
      <c r="BS34" s="16">
        <v>194</v>
      </c>
      <c r="BT34" s="16">
        <v>201</v>
      </c>
      <c r="BU34" s="16">
        <v>218</v>
      </c>
      <c r="BV34" s="16">
        <v>180</v>
      </c>
      <c r="BW34" s="16">
        <v>248</v>
      </c>
      <c r="BX34" s="16">
        <v>221</v>
      </c>
      <c r="BY34" s="16">
        <v>213</v>
      </c>
      <c r="BZ34" s="16">
        <v>201</v>
      </c>
      <c r="CA34" s="16">
        <v>174</v>
      </c>
      <c r="CB34" s="16">
        <v>191</v>
      </c>
      <c r="CC34" s="16">
        <v>198</v>
      </c>
      <c r="CD34" s="16">
        <v>160</v>
      </c>
      <c r="CE34" s="16">
        <v>135</v>
      </c>
      <c r="CF34" s="16">
        <v>133</v>
      </c>
      <c r="CG34" s="16">
        <v>80</v>
      </c>
      <c r="CH34" s="16">
        <v>69</v>
      </c>
      <c r="CI34" s="16">
        <v>61</v>
      </c>
      <c r="CJ34" s="16">
        <v>55</v>
      </c>
      <c r="CK34" s="16">
        <v>22</v>
      </c>
      <c r="CL34" s="16">
        <v>24</v>
      </c>
      <c r="CM34" s="16">
        <v>24</v>
      </c>
      <c r="CN34" s="16">
        <v>13</v>
      </c>
      <c r="CO34" s="16">
        <v>24</v>
      </c>
      <c r="CP34" s="16">
        <v>695</v>
      </c>
      <c r="CQ34" s="16">
        <v>4987</v>
      </c>
      <c r="CR34" s="16">
        <v>3538</v>
      </c>
      <c r="CS34" s="16">
        <v>1564</v>
      </c>
      <c r="CT34" s="16">
        <v>1363</v>
      </c>
      <c r="CU34" s="17">
        <v>77.646429999999995</v>
      </c>
    </row>
    <row r="35" spans="1:99" x14ac:dyDescent="0.15">
      <c r="A35" s="18" t="s">
        <v>193</v>
      </c>
      <c r="B35" s="18" t="s">
        <v>192</v>
      </c>
      <c r="C35" s="18" t="s">
        <v>153</v>
      </c>
      <c r="D35" s="18" t="s">
        <v>8</v>
      </c>
      <c r="E35" s="18" t="s">
        <v>5</v>
      </c>
      <c r="F35" s="18" t="s">
        <v>154</v>
      </c>
      <c r="G35" s="16">
        <v>7259</v>
      </c>
      <c r="H35" s="16" t="s">
        <v>304</v>
      </c>
      <c r="I35" s="16" t="s">
        <v>304</v>
      </c>
      <c r="J35" s="16" t="s">
        <v>304</v>
      </c>
      <c r="K35" s="16" t="s">
        <v>304</v>
      </c>
      <c r="L35" s="16">
        <v>1</v>
      </c>
      <c r="M35" s="16">
        <v>2</v>
      </c>
      <c r="N35" s="16" t="s">
        <v>304</v>
      </c>
      <c r="O35" s="16">
        <v>3</v>
      </c>
      <c r="P35" s="16">
        <v>3</v>
      </c>
      <c r="Q35" s="16">
        <v>6</v>
      </c>
      <c r="R35" s="16">
        <v>13</v>
      </c>
      <c r="S35" s="16">
        <v>15</v>
      </c>
      <c r="T35" s="16">
        <v>15</v>
      </c>
      <c r="U35" s="16">
        <v>18</v>
      </c>
      <c r="V35" s="16">
        <v>28</v>
      </c>
      <c r="W35" s="16">
        <v>35</v>
      </c>
      <c r="X35" s="16">
        <v>48</v>
      </c>
      <c r="Y35" s="16">
        <v>52</v>
      </c>
      <c r="Z35" s="16">
        <v>45</v>
      </c>
      <c r="AA35" s="16">
        <v>67</v>
      </c>
      <c r="AB35" s="16">
        <v>79</v>
      </c>
      <c r="AC35" s="16">
        <v>78</v>
      </c>
      <c r="AD35" s="16">
        <v>90</v>
      </c>
      <c r="AE35" s="16">
        <v>87</v>
      </c>
      <c r="AF35" s="16">
        <v>98</v>
      </c>
      <c r="AG35" s="16">
        <v>120</v>
      </c>
      <c r="AH35" s="16">
        <v>149</v>
      </c>
      <c r="AI35" s="16">
        <v>163</v>
      </c>
      <c r="AJ35" s="16">
        <v>186</v>
      </c>
      <c r="AK35" s="16">
        <v>158</v>
      </c>
      <c r="AL35" s="16">
        <v>176</v>
      </c>
      <c r="AM35" s="16">
        <v>202</v>
      </c>
      <c r="AN35" s="16">
        <v>179</v>
      </c>
      <c r="AO35" s="16">
        <v>167</v>
      </c>
      <c r="AP35" s="16">
        <v>150</v>
      </c>
      <c r="AQ35" s="16">
        <v>186</v>
      </c>
      <c r="AR35" s="16">
        <v>173</v>
      </c>
      <c r="AS35" s="16">
        <v>163</v>
      </c>
      <c r="AT35" s="16">
        <v>143</v>
      </c>
      <c r="AU35" s="16">
        <v>186</v>
      </c>
      <c r="AV35" s="16">
        <v>157</v>
      </c>
      <c r="AW35" s="16">
        <v>177</v>
      </c>
      <c r="AX35" s="16">
        <v>150</v>
      </c>
      <c r="AY35" s="16">
        <v>154</v>
      </c>
      <c r="AZ35" s="16">
        <v>161</v>
      </c>
      <c r="BA35" s="16">
        <v>164</v>
      </c>
      <c r="BB35" s="16">
        <v>168</v>
      </c>
      <c r="BC35" s="16">
        <v>211</v>
      </c>
      <c r="BD35" s="16">
        <v>189</v>
      </c>
      <c r="BE35" s="16">
        <v>200</v>
      </c>
      <c r="BF35" s="16">
        <v>228</v>
      </c>
      <c r="BG35" s="16">
        <v>265</v>
      </c>
      <c r="BH35" s="16">
        <v>211</v>
      </c>
      <c r="BI35" s="16">
        <v>261</v>
      </c>
      <c r="BJ35" s="16">
        <v>113</v>
      </c>
      <c r="BK35" s="16">
        <v>111</v>
      </c>
      <c r="BL35" s="16">
        <v>151</v>
      </c>
      <c r="BM35" s="16">
        <v>111</v>
      </c>
      <c r="BN35" s="16">
        <v>136</v>
      </c>
      <c r="BO35" s="16">
        <v>103</v>
      </c>
      <c r="BP35" s="16">
        <v>95</v>
      </c>
      <c r="BQ35" s="16">
        <v>70</v>
      </c>
      <c r="BR35" s="16">
        <v>78</v>
      </c>
      <c r="BS35" s="16">
        <v>69</v>
      </c>
      <c r="BT35" s="16">
        <v>32</v>
      </c>
      <c r="BU35" s="16">
        <v>35</v>
      </c>
      <c r="BV35" s="16">
        <v>41</v>
      </c>
      <c r="BW35" s="16">
        <v>29</v>
      </c>
      <c r="BX35" s="16">
        <v>33</v>
      </c>
      <c r="BY35" s="16">
        <v>15</v>
      </c>
      <c r="BZ35" s="16">
        <v>18</v>
      </c>
      <c r="CA35" s="16">
        <v>8</v>
      </c>
      <c r="CB35" s="16">
        <v>4</v>
      </c>
      <c r="CC35" s="16">
        <v>7</v>
      </c>
      <c r="CD35" s="16">
        <v>13</v>
      </c>
      <c r="CE35" s="16">
        <v>5</v>
      </c>
      <c r="CF35" s="16" t="s">
        <v>304</v>
      </c>
      <c r="CG35" s="16" t="s">
        <v>304</v>
      </c>
      <c r="CH35" s="16">
        <v>1</v>
      </c>
      <c r="CI35" s="16" t="s">
        <v>304</v>
      </c>
      <c r="CJ35" s="16" t="s">
        <v>304</v>
      </c>
      <c r="CK35" s="16" t="s">
        <v>304</v>
      </c>
      <c r="CL35" s="16" t="s">
        <v>304</v>
      </c>
      <c r="CM35" s="16" t="s">
        <v>304</v>
      </c>
      <c r="CN35" s="16" t="s">
        <v>304</v>
      </c>
      <c r="CO35" s="16">
        <v>1</v>
      </c>
      <c r="CP35" s="16">
        <v>5015</v>
      </c>
      <c r="CQ35" s="16">
        <v>2244</v>
      </c>
      <c r="CR35" s="16">
        <v>554</v>
      </c>
      <c r="CS35" s="16">
        <v>57</v>
      </c>
      <c r="CT35" s="16">
        <v>6092</v>
      </c>
      <c r="CU35" s="17">
        <v>56.70044</v>
      </c>
    </row>
    <row r="36" spans="1:99" x14ac:dyDescent="0.15">
      <c r="A36" s="18" t="s">
        <v>193</v>
      </c>
      <c r="B36" s="18" t="s">
        <v>192</v>
      </c>
      <c r="C36" s="18" t="s">
        <v>153</v>
      </c>
      <c r="D36" s="18" t="s">
        <v>8</v>
      </c>
      <c r="E36" s="18" t="s">
        <v>4</v>
      </c>
      <c r="F36" s="18" t="s">
        <v>3</v>
      </c>
      <c r="G36" s="16">
        <v>187291</v>
      </c>
      <c r="H36" s="16">
        <v>1889</v>
      </c>
      <c r="I36" s="16">
        <v>1961</v>
      </c>
      <c r="J36" s="16">
        <v>1945</v>
      </c>
      <c r="K36" s="16">
        <v>1824</v>
      </c>
      <c r="L36" s="16">
        <v>1716</v>
      </c>
      <c r="M36" s="16">
        <v>1697</v>
      </c>
      <c r="N36" s="16">
        <v>1745</v>
      </c>
      <c r="O36" s="16">
        <v>1715</v>
      </c>
      <c r="P36" s="16">
        <v>1767</v>
      </c>
      <c r="Q36" s="16">
        <v>1700</v>
      </c>
      <c r="R36" s="16">
        <v>1751</v>
      </c>
      <c r="S36" s="16">
        <v>1810</v>
      </c>
      <c r="T36" s="16">
        <v>1822</v>
      </c>
      <c r="U36" s="16">
        <v>1946</v>
      </c>
      <c r="V36" s="16">
        <v>1997</v>
      </c>
      <c r="W36" s="16">
        <v>2091</v>
      </c>
      <c r="X36" s="16">
        <v>2101</v>
      </c>
      <c r="Y36" s="16">
        <v>2073</v>
      </c>
      <c r="Z36" s="16">
        <v>2235</v>
      </c>
      <c r="AA36" s="16">
        <v>2231</v>
      </c>
      <c r="AB36" s="16">
        <v>2358</v>
      </c>
      <c r="AC36" s="16">
        <v>2470</v>
      </c>
      <c r="AD36" s="16">
        <v>2576</v>
      </c>
      <c r="AE36" s="16">
        <v>2747</v>
      </c>
      <c r="AF36" s="16">
        <v>2861</v>
      </c>
      <c r="AG36" s="16">
        <v>3188</v>
      </c>
      <c r="AH36" s="16">
        <v>3302</v>
      </c>
      <c r="AI36" s="16">
        <v>3336</v>
      </c>
      <c r="AJ36" s="16">
        <v>3317</v>
      </c>
      <c r="AK36" s="16">
        <v>3140</v>
      </c>
      <c r="AL36" s="16">
        <v>2864</v>
      </c>
      <c r="AM36" s="16">
        <v>2812</v>
      </c>
      <c r="AN36" s="16">
        <v>2803</v>
      </c>
      <c r="AO36" s="16">
        <v>2794</v>
      </c>
      <c r="AP36" s="16">
        <v>2152</v>
      </c>
      <c r="AQ36" s="16">
        <v>2725</v>
      </c>
      <c r="AR36" s="16">
        <v>2473</v>
      </c>
      <c r="AS36" s="16">
        <v>2508</v>
      </c>
      <c r="AT36" s="16">
        <v>2236</v>
      </c>
      <c r="AU36" s="16">
        <v>2480</v>
      </c>
      <c r="AV36" s="16">
        <v>2422</v>
      </c>
      <c r="AW36" s="16">
        <v>2456</v>
      </c>
      <c r="AX36" s="16">
        <v>2378</v>
      </c>
      <c r="AY36" s="16">
        <v>2300</v>
      </c>
      <c r="AZ36" s="16">
        <v>2444</v>
      </c>
      <c r="BA36" s="16">
        <v>2701</v>
      </c>
      <c r="BB36" s="16">
        <v>2591</v>
      </c>
      <c r="BC36" s="16">
        <v>2902</v>
      </c>
      <c r="BD36" s="16">
        <v>2867</v>
      </c>
      <c r="BE36" s="16">
        <v>3068</v>
      </c>
      <c r="BF36" s="16">
        <v>3531</v>
      </c>
      <c r="BG36" s="16">
        <v>3831</v>
      </c>
      <c r="BH36" s="16">
        <v>3952</v>
      </c>
      <c r="BI36" s="16">
        <v>4275</v>
      </c>
      <c r="BJ36" s="16">
        <v>2178</v>
      </c>
      <c r="BK36" s="16">
        <v>2412</v>
      </c>
      <c r="BL36" s="16">
        <v>3195</v>
      </c>
      <c r="BM36" s="16">
        <v>2909</v>
      </c>
      <c r="BN36" s="16">
        <v>3154</v>
      </c>
      <c r="BO36" s="16">
        <v>2832</v>
      </c>
      <c r="BP36" s="16">
        <v>2536</v>
      </c>
      <c r="BQ36" s="16">
        <v>2107</v>
      </c>
      <c r="BR36" s="16">
        <v>2281</v>
      </c>
      <c r="BS36" s="16">
        <v>2379</v>
      </c>
      <c r="BT36" s="16">
        <v>2590</v>
      </c>
      <c r="BU36" s="16">
        <v>2111</v>
      </c>
      <c r="BV36" s="16">
        <v>2254</v>
      </c>
      <c r="BW36" s="16">
        <v>2290</v>
      </c>
      <c r="BX36" s="16">
        <v>2156</v>
      </c>
      <c r="BY36" s="16">
        <v>1969</v>
      </c>
      <c r="BZ36" s="16">
        <v>1717</v>
      </c>
      <c r="CA36" s="16">
        <v>1778</v>
      </c>
      <c r="CB36" s="16">
        <v>1522</v>
      </c>
      <c r="CC36" s="16">
        <v>1395</v>
      </c>
      <c r="CD36" s="16">
        <v>1286</v>
      </c>
      <c r="CE36" s="16">
        <v>1131</v>
      </c>
      <c r="CF36" s="16">
        <v>919</v>
      </c>
      <c r="CG36" s="16">
        <v>721</v>
      </c>
      <c r="CH36" s="16">
        <v>671</v>
      </c>
      <c r="CI36" s="16">
        <v>537</v>
      </c>
      <c r="CJ36" s="16">
        <v>423</v>
      </c>
      <c r="CK36" s="16">
        <v>283</v>
      </c>
      <c r="CL36" s="16">
        <v>187</v>
      </c>
      <c r="CM36" s="16">
        <v>148</v>
      </c>
      <c r="CN36" s="16">
        <v>136</v>
      </c>
      <c r="CO36" s="16">
        <v>208</v>
      </c>
      <c r="CP36" s="16">
        <v>119287</v>
      </c>
      <c r="CQ36" s="16">
        <v>68004</v>
      </c>
      <c r="CR36" s="16">
        <v>35735</v>
      </c>
      <c r="CS36" s="16">
        <v>13062</v>
      </c>
      <c r="CT36" s="16">
        <v>127719</v>
      </c>
      <c r="CU36" s="17">
        <v>54.677070000000001</v>
      </c>
    </row>
    <row r="37" spans="1:99" x14ac:dyDescent="0.15">
      <c r="A37" s="18" t="s">
        <v>193</v>
      </c>
      <c r="B37" s="18" t="s">
        <v>192</v>
      </c>
      <c r="C37" s="18" t="s">
        <v>153</v>
      </c>
      <c r="D37" s="18" t="s">
        <v>8</v>
      </c>
      <c r="E37" s="18" t="s">
        <v>4</v>
      </c>
      <c r="F37" s="18" t="s">
        <v>157</v>
      </c>
      <c r="G37" s="16">
        <v>38458</v>
      </c>
      <c r="H37" s="16">
        <v>1889</v>
      </c>
      <c r="I37" s="16">
        <v>1961</v>
      </c>
      <c r="J37" s="16">
        <v>1943</v>
      </c>
      <c r="K37" s="16">
        <v>1810</v>
      </c>
      <c r="L37" s="16">
        <v>1703</v>
      </c>
      <c r="M37" s="16">
        <v>1650</v>
      </c>
      <c r="N37" s="16">
        <v>1675</v>
      </c>
      <c r="O37" s="16">
        <v>1606</v>
      </c>
      <c r="P37" s="16">
        <v>1593</v>
      </c>
      <c r="Q37" s="16">
        <v>1441</v>
      </c>
      <c r="R37" s="16">
        <v>1338</v>
      </c>
      <c r="S37" s="16">
        <v>1221</v>
      </c>
      <c r="T37" s="16">
        <v>1041</v>
      </c>
      <c r="U37" s="16">
        <v>1030</v>
      </c>
      <c r="V37" s="16">
        <v>916</v>
      </c>
      <c r="W37" s="16">
        <v>845</v>
      </c>
      <c r="X37" s="16">
        <v>761</v>
      </c>
      <c r="Y37" s="16">
        <v>670</v>
      </c>
      <c r="Z37" s="16">
        <v>668</v>
      </c>
      <c r="AA37" s="16">
        <v>626</v>
      </c>
      <c r="AB37" s="16">
        <v>612</v>
      </c>
      <c r="AC37" s="16">
        <v>579</v>
      </c>
      <c r="AD37" s="16">
        <v>568</v>
      </c>
      <c r="AE37" s="16">
        <v>566</v>
      </c>
      <c r="AF37" s="16">
        <v>563</v>
      </c>
      <c r="AG37" s="16">
        <v>605</v>
      </c>
      <c r="AH37" s="16">
        <v>594</v>
      </c>
      <c r="AI37" s="16">
        <v>583</v>
      </c>
      <c r="AJ37" s="16">
        <v>542</v>
      </c>
      <c r="AK37" s="16">
        <v>513</v>
      </c>
      <c r="AL37" s="16">
        <v>436</v>
      </c>
      <c r="AM37" s="16">
        <v>416</v>
      </c>
      <c r="AN37" s="16">
        <v>381</v>
      </c>
      <c r="AO37" s="16">
        <v>375</v>
      </c>
      <c r="AP37" s="16">
        <v>281</v>
      </c>
      <c r="AQ37" s="16">
        <v>307</v>
      </c>
      <c r="AR37" s="16">
        <v>249</v>
      </c>
      <c r="AS37" s="16">
        <v>248</v>
      </c>
      <c r="AT37" s="16">
        <v>210</v>
      </c>
      <c r="AU37" s="16">
        <v>193</v>
      </c>
      <c r="AV37" s="16">
        <v>185</v>
      </c>
      <c r="AW37" s="16">
        <v>178</v>
      </c>
      <c r="AX37" s="16">
        <v>141</v>
      </c>
      <c r="AY37" s="16">
        <v>130</v>
      </c>
      <c r="AZ37" s="16">
        <v>135</v>
      </c>
      <c r="BA37" s="16">
        <v>114</v>
      </c>
      <c r="BB37" s="16">
        <v>105</v>
      </c>
      <c r="BC37" s="16">
        <v>122</v>
      </c>
      <c r="BD37" s="16">
        <v>113</v>
      </c>
      <c r="BE37" s="16">
        <v>120</v>
      </c>
      <c r="BF37" s="16">
        <v>125</v>
      </c>
      <c r="BG37" s="16">
        <v>143</v>
      </c>
      <c r="BH37" s="16">
        <v>168</v>
      </c>
      <c r="BI37" s="16">
        <v>142</v>
      </c>
      <c r="BJ37" s="16">
        <v>72</v>
      </c>
      <c r="BK37" s="16">
        <v>93</v>
      </c>
      <c r="BL37" s="16">
        <v>112</v>
      </c>
      <c r="BM37" s="16">
        <v>61</v>
      </c>
      <c r="BN37" s="16">
        <v>89</v>
      </c>
      <c r="BO37" s="16">
        <v>86</v>
      </c>
      <c r="BP37" s="16">
        <v>58</v>
      </c>
      <c r="BQ37" s="16">
        <v>57</v>
      </c>
      <c r="BR37" s="16">
        <v>63</v>
      </c>
      <c r="BS37" s="16">
        <v>68</v>
      </c>
      <c r="BT37" s="16">
        <v>60</v>
      </c>
      <c r="BU37" s="16">
        <v>49</v>
      </c>
      <c r="BV37" s="16">
        <v>60</v>
      </c>
      <c r="BW37" s="16">
        <v>44</v>
      </c>
      <c r="BX37" s="16">
        <v>54</v>
      </c>
      <c r="BY37" s="16">
        <v>47</v>
      </c>
      <c r="BZ37" s="16">
        <v>43</v>
      </c>
      <c r="CA37" s="16">
        <v>46</v>
      </c>
      <c r="CB37" s="16">
        <v>24</v>
      </c>
      <c r="CC37" s="16">
        <v>37</v>
      </c>
      <c r="CD37" s="16">
        <v>26</v>
      </c>
      <c r="CE37" s="16">
        <v>25</v>
      </c>
      <c r="CF37" s="16">
        <v>15</v>
      </c>
      <c r="CG37" s="16">
        <v>8</v>
      </c>
      <c r="CH37" s="16">
        <v>13</v>
      </c>
      <c r="CI37" s="16">
        <v>7</v>
      </c>
      <c r="CJ37" s="16">
        <v>3</v>
      </c>
      <c r="CK37" s="16">
        <v>3</v>
      </c>
      <c r="CL37" s="16">
        <v>1</v>
      </c>
      <c r="CM37" s="16">
        <v>3</v>
      </c>
      <c r="CN37" s="16">
        <v>1</v>
      </c>
      <c r="CO37" s="16">
        <v>1</v>
      </c>
      <c r="CP37" s="16">
        <v>36551</v>
      </c>
      <c r="CQ37" s="16">
        <v>1907</v>
      </c>
      <c r="CR37" s="16">
        <v>816</v>
      </c>
      <c r="CS37" s="16">
        <v>256</v>
      </c>
      <c r="CT37" s="16">
        <v>27895</v>
      </c>
      <c r="CU37" s="17">
        <v>31.51859</v>
      </c>
    </row>
    <row r="38" spans="1:99" x14ac:dyDescent="0.15">
      <c r="A38" s="18" t="s">
        <v>193</v>
      </c>
      <c r="B38" s="18" t="s">
        <v>192</v>
      </c>
      <c r="C38" s="18" t="s">
        <v>153</v>
      </c>
      <c r="D38" s="18" t="s">
        <v>8</v>
      </c>
      <c r="E38" s="18" t="s">
        <v>4</v>
      </c>
      <c r="F38" s="18" t="s">
        <v>156</v>
      </c>
      <c r="G38" s="16">
        <v>106321</v>
      </c>
      <c r="H38" s="16" t="s">
        <v>304</v>
      </c>
      <c r="I38" s="16" t="s">
        <v>304</v>
      </c>
      <c r="J38" s="16">
        <v>2</v>
      </c>
      <c r="K38" s="16">
        <v>11</v>
      </c>
      <c r="L38" s="16">
        <v>12</v>
      </c>
      <c r="M38" s="16">
        <v>42</v>
      </c>
      <c r="N38" s="16">
        <v>62</v>
      </c>
      <c r="O38" s="16">
        <v>99</v>
      </c>
      <c r="P38" s="16">
        <v>166</v>
      </c>
      <c r="Q38" s="16">
        <v>246</v>
      </c>
      <c r="R38" s="16">
        <v>386</v>
      </c>
      <c r="S38" s="16">
        <v>555</v>
      </c>
      <c r="T38" s="16">
        <v>750</v>
      </c>
      <c r="U38" s="16">
        <v>873</v>
      </c>
      <c r="V38" s="16">
        <v>1024</v>
      </c>
      <c r="W38" s="16">
        <v>1170</v>
      </c>
      <c r="X38" s="16">
        <v>1260</v>
      </c>
      <c r="Y38" s="16">
        <v>1324</v>
      </c>
      <c r="Z38" s="16">
        <v>1467</v>
      </c>
      <c r="AA38" s="16">
        <v>1486</v>
      </c>
      <c r="AB38" s="16">
        <v>1617</v>
      </c>
      <c r="AC38" s="16">
        <v>1740</v>
      </c>
      <c r="AD38" s="16">
        <v>1834</v>
      </c>
      <c r="AE38" s="16">
        <v>2007</v>
      </c>
      <c r="AF38" s="16">
        <v>2090</v>
      </c>
      <c r="AG38" s="16">
        <v>2327</v>
      </c>
      <c r="AH38" s="16">
        <v>2440</v>
      </c>
      <c r="AI38" s="16">
        <v>2464</v>
      </c>
      <c r="AJ38" s="16">
        <v>2460</v>
      </c>
      <c r="AK38" s="16">
        <v>2315</v>
      </c>
      <c r="AL38" s="16">
        <v>2119</v>
      </c>
      <c r="AM38" s="16">
        <v>2097</v>
      </c>
      <c r="AN38" s="16">
        <v>2099</v>
      </c>
      <c r="AO38" s="16">
        <v>2094</v>
      </c>
      <c r="AP38" s="16">
        <v>1615</v>
      </c>
      <c r="AQ38" s="16">
        <v>2066</v>
      </c>
      <c r="AR38" s="16">
        <v>1911</v>
      </c>
      <c r="AS38" s="16">
        <v>1932</v>
      </c>
      <c r="AT38" s="16">
        <v>1757</v>
      </c>
      <c r="AU38" s="16">
        <v>1923</v>
      </c>
      <c r="AV38" s="16">
        <v>1898</v>
      </c>
      <c r="AW38" s="16">
        <v>1944</v>
      </c>
      <c r="AX38" s="16">
        <v>1899</v>
      </c>
      <c r="AY38" s="16">
        <v>1854</v>
      </c>
      <c r="AZ38" s="16">
        <v>1957</v>
      </c>
      <c r="BA38" s="16">
        <v>2154</v>
      </c>
      <c r="BB38" s="16">
        <v>2054</v>
      </c>
      <c r="BC38" s="16">
        <v>2300</v>
      </c>
      <c r="BD38" s="16">
        <v>2215</v>
      </c>
      <c r="BE38" s="16">
        <v>2357</v>
      </c>
      <c r="BF38" s="16">
        <v>2699</v>
      </c>
      <c r="BG38" s="16">
        <v>2868</v>
      </c>
      <c r="BH38" s="16">
        <v>2828</v>
      </c>
      <c r="BI38" s="16">
        <v>3120</v>
      </c>
      <c r="BJ38" s="16">
        <v>1535</v>
      </c>
      <c r="BK38" s="16">
        <v>1702</v>
      </c>
      <c r="BL38" s="16">
        <v>2144</v>
      </c>
      <c r="BM38" s="16">
        <v>1962</v>
      </c>
      <c r="BN38" s="16">
        <v>1989</v>
      </c>
      <c r="BO38" s="16">
        <v>1690</v>
      </c>
      <c r="BP38" s="16">
        <v>1462</v>
      </c>
      <c r="BQ38" s="16">
        <v>1131</v>
      </c>
      <c r="BR38" s="16">
        <v>1221</v>
      </c>
      <c r="BS38" s="16">
        <v>1148</v>
      </c>
      <c r="BT38" s="16">
        <v>1125</v>
      </c>
      <c r="BU38" s="16">
        <v>911</v>
      </c>
      <c r="BV38" s="16">
        <v>822</v>
      </c>
      <c r="BW38" s="16">
        <v>746</v>
      </c>
      <c r="BX38" s="16">
        <v>643</v>
      </c>
      <c r="BY38" s="16">
        <v>529</v>
      </c>
      <c r="BZ38" s="16">
        <v>379</v>
      </c>
      <c r="CA38" s="16">
        <v>352</v>
      </c>
      <c r="CB38" s="16">
        <v>230</v>
      </c>
      <c r="CC38" s="16">
        <v>205</v>
      </c>
      <c r="CD38" s="16">
        <v>143</v>
      </c>
      <c r="CE38" s="16">
        <v>106</v>
      </c>
      <c r="CF38" s="16">
        <v>53</v>
      </c>
      <c r="CG38" s="16">
        <v>37</v>
      </c>
      <c r="CH38" s="16">
        <v>21</v>
      </c>
      <c r="CI38" s="16">
        <v>18</v>
      </c>
      <c r="CJ38" s="16">
        <v>13</v>
      </c>
      <c r="CK38" s="16">
        <v>4</v>
      </c>
      <c r="CL38" s="16">
        <v>4</v>
      </c>
      <c r="CM38" s="16">
        <v>4</v>
      </c>
      <c r="CN38" s="16" t="s">
        <v>304</v>
      </c>
      <c r="CO38" s="16">
        <v>3</v>
      </c>
      <c r="CP38" s="16">
        <v>72474</v>
      </c>
      <c r="CQ38" s="16">
        <v>33847</v>
      </c>
      <c r="CR38" s="16">
        <v>11310</v>
      </c>
      <c r="CS38" s="16">
        <v>1572</v>
      </c>
      <c r="CT38" s="16">
        <v>85499</v>
      </c>
      <c r="CU38" s="17">
        <v>55.398870000000002</v>
      </c>
    </row>
    <row r="39" spans="1:99" x14ac:dyDescent="0.15">
      <c r="A39" s="18" t="s">
        <v>193</v>
      </c>
      <c r="B39" s="18" t="s">
        <v>192</v>
      </c>
      <c r="C39" s="18" t="s">
        <v>153</v>
      </c>
      <c r="D39" s="18" t="s">
        <v>8</v>
      </c>
      <c r="E39" s="18" t="s">
        <v>4</v>
      </c>
      <c r="F39" s="18" t="s">
        <v>155</v>
      </c>
      <c r="G39" s="16">
        <v>31381</v>
      </c>
      <c r="H39" s="16" t="s">
        <v>304</v>
      </c>
      <c r="I39" s="16" t="s">
        <v>304</v>
      </c>
      <c r="J39" s="16" t="s">
        <v>304</v>
      </c>
      <c r="K39" s="16">
        <v>1</v>
      </c>
      <c r="L39" s="16" t="s">
        <v>304</v>
      </c>
      <c r="M39" s="16">
        <v>1</v>
      </c>
      <c r="N39" s="16">
        <v>1</v>
      </c>
      <c r="O39" s="16">
        <v>1</v>
      </c>
      <c r="P39" s="16" t="s">
        <v>304</v>
      </c>
      <c r="Q39" s="16">
        <v>1</v>
      </c>
      <c r="R39" s="16">
        <v>1</v>
      </c>
      <c r="S39" s="16" t="s">
        <v>304</v>
      </c>
      <c r="T39" s="16" t="s">
        <v>304</v>
      </c>
      <c r="U39" s="16">
        <v>2</v>
      </c>
      <c r="V39" s="16">
        <v>1</v>
      </c>
      <c r="W39" s="16">
        <v>1</v>
      </c>
      <c r="X39" s="16">
        <v>1</v>
      </c>
      <c r="Y39" s="16">
        <v>1</v>
      </c>
      <c r="Z39" s="16">
        <v>2</v>
      </c>
      <c r="AA39" s="16">
        <v>7</v>
      </c>
      <c r="AB39" s="16">
        <v>2</v>
      </c>
      <c r="AC39" s="16">
        <v>5</v>
      </c>
      <c r="AD39" s="16">
        <v>7</v>
      </c>
      <c r="AE39" s="16">
        <v>6</v>
      </c>
      <c r="AF39" s="16">
        <v>15</v>
      </c>
      <c r="AG39" s="16">
        <v>18</v>
      </c>
      <c r="AH39" s="16">
        <v>15</v>
      </c>
      <c r="AI39" s="16">
        <v>23</v>
      </c>
      <c r="AJ39" s="16">
        <v>20</v>
      </c>
      <c r="AK39" s="16">
        <v>19</v>
      </c>
      <c r="AL39" s="16">
        <v>21</v>
      </c>
      <c r="AM39" s="16">
        <v>32</v>
      </c>
      <c r="AN39" s="16">
        <v>36</v>
      </c>
      <c r="AO39" s="16">
        <v>48</v>
      </c>
      <c r="AP39" s="16">
        <v>35</v>
      </c>
      <c r="AQ39" s="16">
        <v>60</v>
      </c>
      <c r="AR39" s="16">
        <v>59</v>
      </c>
      <c r="AS39" s="16">
        <v>67</v>
      </c>
      <c r="AT39" s="16">
        <v>65</v>
      </c>
      <c r="AU39" s="16">
        <v>94</v>
      </c>
      <c r="AV39" s="16">
        <v>104</v>
      </c>
      <c r="AW39" s="16">
        <v>115</v>
      </c>
      <c r="AX39" s="16">
        <v>130</v>
      </c>
      <c r="AY39" s="16">
        <v>115</v>
      </c>
      <c r="AZ39" s="16">
        <v>150</v>
      </c>
      <c r="BA39" s="16">
        <v>201</v>
      </c>
      <c r="BB39" s="16">
        <v>206</v>
      </c>
      <c r="BC39" s="16">
        <v>250</v>
      </c>
      <c r="BD39" s="16">
        <v>303</v>
      </c>
      <c r="BE39" s="16">
        <v>318</v>
      </c>
      <c r="BF39" s="16">
        <v>427</v>
      </c>
      <c r="BG39" s="16">
        <v>533</v>
      </c>
      <c r="BH39" s="16">
        <v>608</v>
      </c>
      <c r="BI39" s="16">
        <v>704</v>
      </c>
      <c r="BJ39" s="16">
        <v>414</v>
      </c>
      <c r="BK39" s="16">
        <v>467</v>
      </c>
      <c r="BL39" s="16">
        <v>693</v>
      </c>
      <c r="BM39" s="16">
        <v>719</v>
      </c>
      <c r="BN39" s="16">
        <v>888</v>
      </c>
      <c r="BO39" s="16">
        <v>894</v>
      </c>
      <c r="BP39" s="16">
        <v>889</v>
      </c>
      <c r="BQ39" s="16">
        <v>809</v>
      </c>
      <c r="BR39" s="16">
        <v>892</v>
      </c>
      <c r="BS39" s="16">
        <v>1078</v>
      </c>
      <c r="BT39" s="16">
        <v>1329</v>
      </c>
      <c r="BU39" s="16">
        <v>1061</v>
      </c>
      <c r="BV39" s="16">
        <v>1282</v>
      </c>
      <c r="BW39" s="16">
        <v>1437</v>
      </c>
      <c r="BX39" s="16">
        <v>1404</v>
      </c>
      <c r="BY39" s="16">
        <v>1334</v>
      </c>
      <c r="BZ39" s="16">
        <v>1257</v>
      </c>
      <c r="CA39" s="16">
        <v>1336</v>
      </c>
      <c r="CB39" s="16">
        <v>1219</v>
      </c>
      <c r="CC39" s="16">
        <v>1118</v>
      </c>
      <c r="CD39" s="16">
        <v>1092</v>
      </c>
      <c r="CE39" s="16">
        <v>977</v>
      </c>
      <c r="CF39" s="16">
        <v>834</v>
      </c>
      <c r="CG39" s="16">
        <v>669</v>
      </c>
      <c r="CH39" s="16">
        <v>625</v>
      </c>
      <c r="CI39" s="16">
        <v>507</v>
      </c>
      <c r="CJ39" s="16">
        <v>400</v>
      </c>
      <c r="CK39" s="16">
        <v>271</v>
      </c>
      <c r="CL39" s="16">
        <v>181</v>
      </c>
      <c r="CM39" s="16">
        <v>137</v>
      </c>
      <c r="CN39" s="16">
        <v>134</v>
      </c>
      <c r="CO39" s="16">
        <v>202</v>
      </c>
      <c r="CP39" s="16">
        <v>2560</v>
      </c>
      <c r="CQ39" s="16">
        <v>28821</v>
      </c>
      <c r="CR39" s="16">
        <v>22474</v>
      </c>
      <c r="CS39" s="16">
        <v>10959</v>
      </c>
      <c r="CT39" s="16">
        <v>5245</v>
      </c>
      <c r="CU39" s="17">
        <v>80.033600000000007</v>
      </c>
    </row>
    <row r="40" spans="1:99" x14ac:dyDescent="0.15">
      <c r="A40" s="18" t="s">
        <v>193</v>
      </c>
      <c r="B40" s="18" t="s">
        <v>192</v>
      </c>
      <c r="C40" s="18" t="s">
        <v>153</v>
      </c>
      <c r="D40" s="18" t="s">
        <v>8</v>
      </c>
      <c r="E40" s="18" t="s">
        <v>4</v>
      </c>
      <c r="F40" s="18" t="s">
        <v>154</v>
      </c>
      <c r="G40" s="16">
        <v>11131</v>
      </c>
      <c r="H40" s="16" t="s">
        <v>304</v>
      </c>
      <c r="I40" s="16" t="s">
        <v>304</v>
      </c>
      <c r="J40" s="16" t="s">
        <v>304</v>
      </c>
      <c r="K40" s="16">
        <v>2</v>
      </c>
      <c r="L40" s="16">
        <v>1</v>
      </c>
      <c r="M40" s="16">
        <v>4</v>
      </c>
      <c r="N40" s="16">
        <v>7</v>
      </c>
      <c r="O40" s="16">
        <v>9</v>
      </c>
      <c r="P40" s="16">
        <v>8</v>
      </c>
      <c r="Q40" s="16">
        <v>12</v>
      </c>
      <c r="R40" s="16">
        <v>26</v>
      </c>
      <c r="S40" s="16">
        <v>34</v>
      </c>
      <c r="T40" s="16">
        <v>31</v>
      </c>
      <c r="U40" s="16">
        <v>41</v>
      </c>
      <c r="V40" s="16">
        <v>56</v>
      </c>
      <c r="W40" s="16">
        <v>75</v>
      </c>
      <c r="X40" s="16">
        <v>79</v>
      </c>
      <c r="Y40" s="16">
        <v>78</v>
      </c>
      <c r="Z40" s="16">
        <v>98</v>
      </c>
      <c r="AA40" s="16">
        <v>112</v>
      </c>
      <c r="AB40" s="16">
        <v>127</v>
      </c>
      <c r="AC40" s="16">
        <v>146</v>
      </c>
      <c r="AD40" s="16">
        <v>167</v>
      </c>
      <c r="AE40" s="16">
        <v>168</v>
      </c>
      <c r="AF40" s="16">
        <v>193</v>
      </c>
      <c r="AG40" s="16">
        <v>238</v>
      </c>
      <c r="AH40" s="16">
        <v>253</v>
      </c>
      <c r="AI40" s="16">
        <v>266</v>
      </c>
      <c r="AJ40" s="16">
        <v>295</v>
      </c>
      <c r="AK40" s="16">
        <v>293</v>
      </c>
      <c r="AL40" s="16">
        <v>288</v>
      </c>
      <c r="AM40" s="16">
        <v>267</v>
      </c>
      <c r="AN40" s="16">
        <v>287</v>
      </c>
      <c r="AO40" s="16">
        <v>277</v>
      </c>
      <c r="AP40" s="16">
        <v>221</v>
      </c>
      <c r="AQ40" s="16">
        <v>292</v>
      </c>
      <c r="AR40" s="16">
        <v>254</v>
      </c>
      <c r="AS40" s="16">
        <v>261</v>
      </c>
      <c r="AT40" s="16">
        <v>204</v>
      </c>
      <c r="AU40" s="16">
        <v>270</v>
      </c>
      <c r="AV40" s="16">
        <v>235</v>
      </c>
      <c r="AW40" s="16">
        <v>219</v>
      </c>
      <c r="AX40" s="16">
        <v>208</v>
      </c>
      <c r="AY40" s="16">
        <v>201</v>
      </c>
      <c r="AZ40" s="16">
        <v>202</v>
      </c>
      <c r="BA40" s="16">
        <v>232</v>
      </c>
      <c r="BB40" s="16">
        <v>226</v>
      </c>
      <c r="BC40" s="16">
        <v>230</v>
      </c>
      <c r="BD40" s="16">
        <v>236</v>
      </c>
      <c r="BE40" s="16">
        <v>273</v>
      </c>
      <c r="BF40" s="16">
        <v>280</v>
      </c>
      <c r="BG40" s="16">
        <v>287</v>
      </c>
      <c r="BH40" s="16">
        <v>348</v>
      </c>
      <c r="BI40" s="16">
        <v>309</v>
      </c>
      <c r="BJ40" s="16">
        <v>157</v>
      </c>
      <c r="BK40" s="16">
        <v>150</v>
      </c>
      <c r="BL40" s="16">
        <v>246</v>
      </c>
      <c r="BM40" s="16">
        <v>167</v>
      </c>
      <c r="BN40" s="16">
        <v>188</v>
      </c>
      <c r="BO40" s="16">
        <v>162</v>
      </c>
      <c r="BP40" s="16">
        <v>127</v>
      </c>
      <c r="BQ40" s="16">
        <v>110</v>
      </c>
      <c r="BR40" s="16">
        <v>105</v>
      </c>
      <c r="BS40" s="16">
        <v>85</v>
      </c>
      <c r="BT40" s="16">
        <v>76</v>
      </c>
      <c r="BU40" s="16">
        <v>90</v>
      </c>
      <c r="BV40" s="16">
        <v>90</v>
      </c>
      <c r="BW40" s="16">
        <v>63</v>
      </c>
      <c r="BX40" s="16">
        <v>55</v>
      </c>
      <c r="BY40" s="16">
        <v>59</v>
      </c>
      <c r="BZ40" s="16">
        <v>38</v>
      </c>
      <c r="CA40" s="16">
        <v>44</v>
      </c>
      <c r="CB40" s="16">
        <v>49</v>
      </c>
      <c r="CC40" s="16">
        <v>35</v>
      </c>
      <c r="CD40" s="16">
        <v>25</v>
      </c>
      <c r="CE40" s="16">
        <v>23</v>
      </c>
      <c r="CF40" s="16">
        <v>17</v>
      </c>
      <c r="CG40" s="16">
        <v>7</v>
      </c>
      <c r="CH40" s="16">
        <v>12</v>
      </c>
      <c r="CI40" s="16">
        <v>5</v>
      </c>
      <c r="CJ40" s="16">
        <v>7</v>
      </c>
      <c r="CK40" s="16">
        <v>5</v>
      </c>
      <c r="CL40" s="16">
        <v>1</v>
      </c>
      <c r="CM40" s="16">
        <v>4</v>
      </c>
      <c r="CN40" s="16">
        <v>1</v>
      </c>
      <c r="CO40" s="16">
        <v>2</v>
      </c>
      <c r="CP40" s="16">
        <v>7702</v>
      </c>
      <c r="CQ40" s="16">
        <v>3429</v>
      </c>
      <c r="CR40" s="16">
        <v>1135</v>
      </c>
      <c r="CS40" s="16">
        <v>275</v>
      </c>
      <c r="CT40" s="16">
        <v>9080</v>
      </c>
      <c r="CU40" s="17">
        <v>56.309629999999999</v>
      </c>
    </row>
  </sheetData>
  <phoneticPr fontId="3"/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T34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CO20" sqref="CO20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98" width="12.625" style="11" customWidth="1"/>
    <col min="99" max="16384" width="9" style="11"/>
  </cols>
  <sheetData>
    <row r="1" spans="1:98" x14ac:dyDescent="0.15">
      <c r="A1" s="11" t="s">
        <v>357</v>
      </c>
    </row>
    <row r="2" spans="1:98" x14ac:dyDescent="0.15">
      <c r="A2" s="11" t="s">
        <v>328</v>
      </c>
    </row>
    <row r="3" spans="1:98" x14ac:dyDescent="0.15">
      <c r="A3" s="11" t="s">
        <v>211</v>
      </c>
    </row>
    <row r="4" spans="1:98" hidden="1" x14ac:dyDescent="0.15">
      <c r="A4" s="11" t="s">
        <v>211</v>
      </c>
    </row>
    <row r="5" spans="1:98" ht="36" collapsed="1" x14ac:dyDescent="0.15">
      <c r="A5" s="11" t="s">
        <v>211</v>
      </c>
      <c r="G5" s="12" t="s">
        <v>311</v>
      </c>
      <c r="H5" s="12" t="s">
        <v>311</v>
      </c>
      <c r="I5" s="12" t="s">
        <v>311</v>
      </c>
      <c r="J5" s="12" t="s">
        <v>311</v>
      </c>
      <c r="K5" s="12" t="s">
        <v>311</v>
      </c>
      <c r="L5" s="12" t="s">
        <v>311</v>
      </c>
      <c r="M5" s="12" t="s">
        <v>311</v>
      </c>
      <c r="N5" s="12" t="s">
        <v>311</v>
      </c>
      <c r="O5" s="12" t="s">
        <v>311</v>
      </c>
      <c r="P5" s="12" t="s">
        <v>311</v>
      </c>
      <c r="Q5" s="12" t="s">
        <v>311</v>
      </c>
      <c r="R5" s="12" t="s">
        <v>311</v>
      </c>
      <c r="S5" s="12" t="s">
        <v>311</v>
      </c>
      <c r="T5" s="12" t="s">
        <v>311</v>
      </c>
      <c r="U5" s="12" t="s">
        <v>311</v>
      </c>
      <c r="V5" s="12" t="s">
        <v>311</v>
      </c>
      <c r="W5" s="12" t="s">
        <v>311</v>
      </c>
      <c r="X5" s="12" t="s">
        <v>311</v>
      </c>
      <c r="Y5" s="12" t="s">
        <v>311</v>
      </c>
      <c r="Z5" s="12" t="s">
        <v>311</v>
      </c>
      <c r="AA5" s="12" t="s">
        <v>311</v>
      </c>
      <c r="AB5" s="12" t="s">
        <v>311</v>
      </c>
      <c r="AC5" s="12" t="s">
        <v>311</v>
      </c>
      <c r="AD5" s="12" t="s">
        <v>311</v>
      </c>
      <c r="AE5" s="12" t="s">
        <v>311</v>
      </c>
      <c r="AF5" s="12" t="s">
        <v>311</v>
      </c>
      <c r="AG5" s="12" t="s">
        <v>311</v>
      </c>
      <c r="AH5" s="12" t="s">
        <v>311</v>
      </c>
      <c r="AI5" s="12" t="s">
        <v>311</v>
      </c>
      <c r="AJ5" s="12" t="s">
        <v>311</v>
      </c>
      <c r="AK5" s="12" t="s">
        <v>311</v>
      </c>
      <c r="AL5" s="12" t="s">
        <v>311</v>
      </c>
      <c r="AM5" s="12" t="s">
        <v>311</v>
      </c>
      <c r="AN5" s="12" t="s">
        <v>311</v>
      </c>
      <c r="AO5" s="12" t="s">
        <v>311</v>
      </c>
      <c r="AP5" s="12" t="s">
        <v>311</v>
      </c>
      <c r="AQ5" s="12" t="s">
        <v>311</v>
      </c>
      <c r="AR5" s="12" t="s">
        <v>311</v>
      </c>
      <c r="AS5" s="12" t="s">
        <v>311</v>
      </c>
      <c r="AT5" s="12" t="s">
        <v>311</v>
      </c>
      <c r="AU5" s="12" t="s">
        <v>311</v>
      </c>
      <c r="AV5" s="12" t="s">
        <v>311</v>
      </c>
      <c r="AW5" s="12" t="s">
        <v>311</v>
      </c>
      <c r="AX5" s="12" t="s">
        <v>311</v>
      </c>
      <c r="AY5" s="12" t="s">
        <v>311</v>
      </c>
      <c r="AZ5" s="12" t="s">
        <v>311</v>
      </c>
      <c r="BA5" s="12" t="s">
        <v>311</v>
      </c>
      <c r="BB5" s="12" t="s">
        <v>311</v>
      </c>
      <c r="BC5" s="12" t="s">
        <v>311</v>
      </c>
      <c r="BD5" s="12" t="s">
        <v>311</v>
      </c>
      <c r="BE5" s="12" t="s">
        <v>311</v>
      </c>
      <c r="BF5" s="12" t="s">
        <v>311</v>
      </c>
      <c r="BG5" s="12" t="s">
        <v>311</v>
      </c>
      <c r="BH5" s="12" t="s">
        <v>311</v>
      </c>
      <c r="BI5" s="12" t="s">
        <v>311</v>
      </c>
      <c r="BJ5" s="12" t="s">
        <v>311</v>
      </c>
      <c r="BK5" s="12" t="s">
        <v>311</v>
      </c>
      <c r="BL5" s="12" t="s">
        <v>311</v>
      </c>
      <c r="BM5" s="12" t="s">
        <v>311</v>
      </c>
      <c r="BN5" s="12" t="s">
        <v>311</v>
      </c>
      <c r="BO5" s="12" t="s">
        <v>311</v>
      </c>
      <c r="BP5" s="12" t="s">
        <v>311</v>
      </c>
      <c r="BQ5" s="12" t="s">
        <v>311</v>
      </c>
      <c r="BR5" s="12" t="s">
        <v>311</v>
      </c>
      <c r="BS5" s="12" t="s">
        <v>311</v>
      </c>
      <c r="BT5" s="12" t="s">
        <v>311</v>
      </c>
      <c r="BU5" s="12" t="s">
        <v>311</v>
      </c>
      <c r="BV5" s="12" t="s">
        <v>311</v>
      </c>
      <c r="BW5" s="12" t="s">
        <v>311</v>
      </c>
      <c r="BX5" s="12" t="s">
        <v>311</v>
      </c>
      <c r="BY5" s="12" t="s">
        <v>311</v>
      </c>
      <c r="BZ5" s="12" t="s">
        <v>311</v>
      </c>
      <c r="CA5" s="12" t="s">
        <v>311</v>
      </c>
      <c r="CB5" s="12" t="s">
        <v>311</v>
      </c>
      <c r="CC5" s="12" t="s">
        <v>311</v>
      </c>
      <c r="CD5" s="12" t="s">
        <v>311</v>
      </c>
      <c r="CE5" s="12" t="s">
        <v>311</v>
      </c>
      <c r="CF5" s="12" t="s">
        <v>311</v>
      </c>
      <c r="CG5" s="12" t="s">
        <v>311</v>
      </c>
      <c r="CH5" s="12" t="s">
        <v>311</v>
      </c>
      <c r="CI5" s="12" t="s">
        <v>311</v>
      </c>
      <c r="CJ5" s="12" t="s">
        <v>311</v>
      </c>
      <c r="CK5" s="12" t="s">
        <v>311</v>
      </c>
      <c r="CL5" s="12" t="s">
        <v>311</v>
      </c>
      <c r="CM5" s="12" t="s">
        <v>311</v>
      </c>
      <c r="CN5" s="12" t="s">
        <v>311</v>
      </c>
      <c r="CO5" s="12" t="s">
        <v>311</v>
      </c>
      <c r="CP5" s="12" t="s">
        <v>311</v>
      </c>
      <c r="CQ5" s="12" t="s">
        <v>311</v>
      </c>
      <c r="CR5" s="12" t="s">
        <v>311</v>
      </c>
      <c r="CS5" s="12" t="s">
        <v>311</v>
      </c>
      <c r="CT5" s="12" t="s">
        <v>311</v>
      </c>
    </row>
    <row r="6" spans="1:98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</row>
    <row r="7" spans="1:98" x14ac:dyDescent="0.15">
      <c r="A7" s="11" t="s">
        <v>211</v>
      </c>
      <c r="G7" s="12" t="s">
        <v>358</v>
      </c>
      <c r="H7" s="12" t="s">
        <v>187</v>
      </c>
      <c r="I7" s="12" t="s">
        <v>187</v>
      </c>
      <c r="J7" s="12" t="s">
        <v>187</v>
      </c>
      <c r="K7" s="12" t="s">
        <v>359</v>
      </c>
      <c r="L7" s="12" t="s">
        <v>187</v>
      </c>
      <c r="M7" s="12" t="s">
        <v>358</v>
      </c>
      <c r="N7" s="12" t="s">
        <v>359</v>
      </c>
      <c r="O7" s="12" t="s">
        <v>359</v>
      </c>
      <c r="P7" s="12" t="s">
        <v>359</v>
      </c>
      <c r="Q7" s="12" t="s">
        <v>359</v>
      </c>
      <c r="R7" s="12" t="s">
        <v>187</v>
      </c>
      <c r="S7" s="12" t="s">
        <v>358</v>
      </c>
      <c r="T7" s="12" t="s">
        <v>358</v>
      </c>
      <c r="U7" s="12" t="s">
        <v>187</v>
      </c>
      <c r="V7" s="12" t="s">
        <v>187</v>
      </c>
      <c r="W7" s="12" t="s">
        <v>187</v>
      </c>
      <c r="X7" s="12" t="s">
        <v>359</v>
      </c>
      <c r="Y7" s="12" t="s">
        <v>187</v>
      </c>
      <c r="Z7" s="12" t="s">
        <v>359</v>
      </c>
      <c r="AA7" s="12" t="s">
        <v>187</v>
      </c>
      <c r="AB7" s="12" t="s">
        <v>187</v>
      </c>
      <c r="AC7" s="12" t="s">
        <v>359</v>
      </c>
      <c r="AD7" s="12" t="s">
        <v>187</v>
      </c>
      <c r="AE7" s="12" t="s">
        <v>359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359</v>
      </c>
      <c r="AM7" s="12" t="s">
        <v>187</v>
      </c>
      <c r="AN7" s="12" t="s">
        <v>187</v>
      </c>
      <c r="AO7" s="12" t="s">
        <v>358</v>
      </c>
      <c r="AP7" s="12" t="s">
        <v>187</v>
      </c>
      <c r="AQ7" s="12" t="s">
        <v>359</v>
      </c>
      <c r="AR7" s="12" t="s">
        <v>187</v>
      </c>
      <c r="AS7" s="12" t="s">
        <v>187</v>
      </c>
      <c r="AT7" s="12" t="s">
        <v>359</v>
      </c>
      <c r="AU7" s="12" t="s">
        <v>187</v>
      </c>
      <c r="AV7" s="12" t="s">
        <v>187</v>
      </c>
      <c r="AW7" s="12" t="s">
        <v>187</v>
      </c>
      <c r="AX7" s="12" t="s">
        <v>187</v>
      </c>
      <c r="AY7" s="12" t="s">
        <v>358</v>
      </c>
      <c r="AZ7" s="12" t="s">
        <v>359</v>
      </c>
      <c r="BA7" s="12" t="s">
        <v>187</v>
      </c>
      <c r="BB7" s="12" t="s">
        <v>187</v>
      </c>
      <c r="BC7" s="12" t="s">
        <v>187</v>
      </c>
      <c r="BD7" s="12" t="s">
        <v>187</v>
      </c>
      <c r="BE7" s="12" t="s">
        <v>358</v>
      </c>
      <c r="BF7" s="12" t="s">
        <v>187</v>
      </c>
      <c r="BG7" s="12" t="s">
        <v>359</v>
      </c>
      <c r="BH7" s="12" t="s">
        <v>187</v>
      </c>
      <c r="BI7" s="12" t="s">
        <v>187</v>
      </c>
      <c r="BJ7" s="12" t="s">
        <v>187</v>
      </c>
      <c r="BK7" s="12" t="s">
        <v>359</v>
      </c>
      <c r="BL7" s="12" t="s">
        <v>187</v>
      </c>
      <c r="BM7" s="12" t="s">
        <v>359</v>
      </c>
      <c r="BN7" s="12" t="s">
        <v>187</v>
      </c>
      <c r="BO7" s="12" t="s">
        <v>187</v>
      </c>
      <c r="BP7" s="12" t="s">
        <v>187</v>
      </c>
      <c r="BQ7" s="12" t="s">
        <v>359</v>
      </c>
      <c r="BR7" s="12" t="s">
        <v>187</v>
      </c>
      <c r="BS7" s="12" t="s">
        <v>187</v>
      </c>
      <c r="BT7" s="12" t="s">
        <v>359</v>
      </c>
      <c r="BU7" s="12" t="s">
        <v>187</v>
      </c>
      <c r="BV7" s="12" t="s">
        <v>187</v>
      </c>
      <c r="BW7" s="12" t="s">
        <v>187</v>
      </c>
      <c r="BX7" s="12" t="s">
        <v>359</v>
      </c>
      <c r="BY7" s="12" t="s">
        <v>359</v>
      </c>
      <c r="BZ7" s="12" t="s">
        <v>187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187</v>
      </c>
      <c r="CG7" s="12" t="s">
        <v>187</v>
      </c>
      <c r="CH7" s="12" t="s">
        <v>359</v>
      </c>
      <c r="CI7" s="12" t="s">
        <v>187</v>
      </c>
      <c r="CJ7" s="12" t="s">
        <v>359</v>
      </c>
      <c r="CK7" s="12" t="s">
        <v>359</v>
      </c>
      <c r="CL7" s="12" t="s">
        <v>187</v>
      </c>
      <c r="CM7" s="12" t="s">
        <v>187</v>
      </c>
      <c r="CN7" s="12" t="s">
        <v>187</v>
      </c>
      <c r="CO7" s="12" t="s">
        <v>358</v>
      </c>
      <c r="CP7" s="12" t="s">
        <v>359</v>
      </c>
      <c r="CQ7" s="12" t="s">
        <v>359</v>
      </c>
      <c r="CR7" s="12" t="s">
        <v>187</v>
      </c>
      <c r="CS7" s="12" t="s">
        <v>187</v>
      </c>
      <c r="CT7" s="12" t="s">
        <v>358</v>
      </c>
    </row>
    <row r="8" spans="1:98" ht="24" x14ac:dyDescent="0.15">
      <c r="A8" s="11" t="s">
        <v>211</v>
      </c>
      <c r="G8" s="12" t="s">
        <v>151</v>
      </c>
      <c r="H8" s="12" t="s">
        <v>215</v>
      </c>
      <c r="I8" s="12" t="s">
        <v>216</v>
      </c>
      <c r="J8" s="12" t="s">
        <v>217</v>
      </c>
      <c r="K8" s="12" t="s">
        <v>218</v>
      </c>
      <c r="L8" s="12" t="s">
        <v>219</v>
      </c>
      <c r="M8" s="12" t="s">
        <v>220</v>
      </c>
      <c r="N8" s="12" t="s">
        <v>221</v>
      </c>
      <c r="O8" s="12" t="s">
        <v>222</v>
      </c>
      <c r="P8" s="12" t="s">
        <v>223</v>
      </c>
      <c r="Q8" s="12" t="s">
        <v>224</v>
      </c>
      <c r="R8" s="12" t="s">
        <v>225</v>
      </c>
      <c r="S8" s="12" t="s">
        <v>226</v>
      </c>
      <c r="T8" s="12" t="s">
        <v>227</v>
      </c>
      <c r="U8" s="12" t="s">
        <v>228</v>
      </c>
      <c r="V8" s="12" t="s">
        <v>229</v>
      </c>
      <c r="W8" s="12" t="s">
        <v>230</v>
      </c>
      <c r="X8" s="12" t="s">
        <v>231</v>
      </c>
      <c r="Y8" s="12" t="s">
        <v>232</v>
      </c>
      <c r="Z8" s="12" t="s">
        <v>233</v>
      </c>
      <c r="AA8" s="12" t="s">
        <v>234</v>
      </c>
      <c r="AB8" s="12" t="s">
        <v>235</v>
      </c>
      <c r="AC8" s="12" t="s">
        <v>236</v>
      </c>
      <c r="AD8" s="12" t="s">
        <v>237</v>
      </c>
      <c r="AE8" s="12" t="s">
        <v>238</v>
      </c>
      <c r="AF8" s="12" t="s">
        <v>239</v>
      </c>
      <c r="AG8" s="12" t="s">
        <v>240</v>
      </c>
      <c r="AH8" s="12" t="s">
        <v>241</v>
      </c>
      <c r="AI8" s="12" t="s">
        <v>242</v>
      </c>
      <c r="AJ8" s="12" t="s">
        <v>243</v>
      </c>
      <c r="AK8" s="12" t="s">
        <v>244</v>
      </c>
      <c r="AL8" s="12" t="s">
        <v>245</v>
      </c>
      <c r="AM8" s="12" t="s">
        <v>246</v>
      </c>
      <c r="AN8" s="12" t="s">
        <v>247</v>
      </c>
      <c r="AO8" s="12" t="s">
        <v>248</v>
      </c>
      <c r="AP8" s="12" t="s">
        <v>249</v>
      </c>
      <c r="AQ8" s="12" t="s">
        <v>250</v>
      </c>
      <c r="AR8" s="12" t="s">
        <v>251</v>
      </c>
      <c r="AS8" s="12" t="s">
        <v>252</v>
      </c>
      <c r="AT8" s="12" t="s">
        <v>253</v>
      </c>
      <c r="AU8" s="12" t="s">
        <v>254</v>
      </c>
      <c r="AV8" s="12" t="s">
        <v>255</v>
      </c>
      <c r="AW8" s="12" t="s">
        <v>256</v>
      </c>
      <c r="AX8" s="12" t="s">
        <v>257</v>
      </c>
      <c r="AY8" s="12" t="s">
        <v>258</v>
      </c>
      <c r="AZ8" s="12" t="s">
        <v>259</v>
      </c>
      <c r="BA8" s="12" t="s">
        <v>260</v>
      </c>
      <c r="BB8" s="12" t="s">
        <v>261</v>
      </c>
      <c r="BC8" s="12" t="s">
        <v>262</v>
      </c>
      <c r="BD8" s="12" t="s">
        <v>263</v>
      </c>
      <c r="BE8" s="12" t="s">
        <v>264</v>
      </c>
      <c r="BF8" s="12" t="s">
        <v>265</v>
      </c>
      <c r="BG8" s="12" t="s">
        <v>266</v>
      </c>
      <c r="BH8" s="12" t="s">
        <v>267</v>
      </c>
      <c r="BI8" s="12" t="s">
        <v>268</v>
      </c>
      <c r="BJ8" s="12" t="s">
        <v>269</v>
      </c>
      <c r="BK8" s="12" t="s">
        <v>270</v>
      </c>
      <c r="BL8" s="12" t="s">
        <v>271</v>
      </c>
      <c r="BM8" s="12" t="s">
        <v>272</v>
      </c>
      <c r="BN8" s="12" t="s">
        <v>273</v>
      </c>
      <c r="BO8" s="12" t="s">
        <v>274</v>
      </c>
      <c r="BP8" s="12" t="s">
        <v>275</v>
      </c>
      <c r="BQ8" s="12" t="s">
        <v>276</v>
      </c>
      <c r="BR8" s="12" t="s">
        <v>277</v>
      </c>
      <c r="BS8" s="12" t="s">
        <v>278</v>
      </c>
      <c r="BT8" s="12" t="s">
        <v>279</v>
      </c>
      <c r="BU8" s="12" t="s">
        <v>280</v>
      </c>
      <c r="BV8" s="12" t="s">
        <v>281</v>
      </c>
      <c r="BW8" s="12" t="s">
        <v>282</v>
      </c>
      <c r="BX8" s="12" t="s">
        <v>283</v>
      </c>
      <c r="BY8" s="12" t="s">
        <v>284</v>
      </c>
      <c r="BZ8" s="12" t="s">
        <v>285</v>
      </c>
      <c r="CA8" s="12" t="s">
        <v>286</v>
      </c>
      <c r="CB8" s="12" t="s">
        <v>287</v>
      </c>
      <c r="CC8" s="12" t="s">
        <v>288</v>
      </c>
      <c r="CD8" s="12" t="s">
        <v>289</v>
      </c>
      <c r="CE8" s="12" t="s">
        <v>290</v>
      </c>
      <c r="CF8" s="12" t="s">
        <v>291</v>
      </c>
      <c r="CG8" s="12" t="s">
        <v>292</v>
      </c>
      <c r="CH8" s="12" t="s">
        <v>293</v>
      </c>
      <c r="CI8" s="12" t="s">
        <v>294</v>
      </c>
      <c r="CJ8" s="12" t="s">
        <v>295</v>
      </c>
      <c r="CK8" s="12" t="s">
        <v>296</v>
      </c>
      <c r="CL8" s="12" t="s">
        <v>297</v>
      </c>
      <c r="CM8" s="12" t="s">
        <v>298</v>
      </c>
      <c r="CN8" s="12" t="s">
        <v>299</v>
      </c>
      <c r="CO8" s="12" t="s">
        <v>300</v>
      </c>
      <c r="CP8" s="12" t="s">
        <v>162</v>
      </c>
      <c r="CQ8" s="12" t="s">
        <v>161</v>
      </c>
      <c r="CR8" s="12" t="s">
        <v>160</v>
      </c>
      <c r="CS8" s="12" t="s">
        <v>159</v>
      </c>
      <c r="CT8" s="12" t="s">
        <v>122</v>
      </c>
    </row>
    <row r="9" spans="1:98" x14ac:dyDescent="0.15">
      <c r="A9" s="11" t="s">
        <v>211</v>
      </c>
      <c r="G9" s="13" t="s">
        <v>205</v>
      </c>
      <c r="H9" s="13" t="s">
        <v>205</v>
      </c>
      <c r="I9" s="13" t="s">
        <v>205</v>
      </c>
      <c r="J9" s="13" t="s">
        <v>205</v>
      </c>
      <c r="K9" s="13" t="s">
        <v>205</v>
      </c>
      <c r="L9" s="13" t="s">
        <v>205</v>
      </c>
      <c r="M9" s="13" t="s">
        <v>205</v>
      </c>
      <c r="N9" s="13" t="s">
        <v>205</v>
      </c>
      <c r="O9" s="13" t="s">
        <v>205</v>
      </c>
      <c r="P9" s="13" t="s">
        <v>205</v>
      </c>
      <c r="Q9" s="13" t="s">
        <v>356</v>
      </c>
      <c r="R9" s="13" t="s">
        <v>205</v>
      </c>
      <c r="S9" s="13" t="s">
        <v>205</v>
      </c>
      <c r="T9" s="13" t="s">
        <v>205</v>
      </c>
      <c r="U9" s="13" t="s">
        <v>205</v>
      </c>
      <c r="V9" s="13" t="s">
        <v>356</v>
      </c>
      <c r="W9" s="13" t="s">
        <v>205</v>
      </c>
      <c r="X9" s="13" t="s">
        <v>205</v>
      </c>
      <c r="Y9" s="13" t="s">
        <v>205</v>
      </c>
      <c r="Z9" s="13" t="s">
        <v>356</v>
      </c>
      <c r="AA9" s="13" t="s">
        <v>205</v>
      </c>
      <c r="AB9" s="13" t="s">
        <v>205</v>
      </c>
      <c r="AC9" s="13" t="s">
        <v>205</v>
      </c>
      <c r="AD9" s="13" t="s">
        <v>205</v>
      </c>
      <c r="AE9" s="13" t="s">
        <v>205</v>
      </c>
      <c r="AF9" s="13" t="s">
        <v>356</v>
      </c>
      <c r="AG9" s="13" t="s">
        <v>356</v>
      </c>
      <c r="AH9" s="13" t="s">
        <v>205</v>
      </c>
      <c r="AI9" s="13" t="s">
        <v>205</v>
      </c>
      <c r="AJ9" s="13" t="s">
        <v>356</v>
      </c>
      <c r="AK9" s="13" t="s">
        <v>356</v>
      </c>
      <c r="AL9" s="13" t="s">
        <v>205</v>
      </c>
      <c r="AM9" s="13" t="s">
        <v>356</v>
      </c>
      <c r="AN9" s="13" t="s">
        <v>356</v>
      </c>
      <c r="AO9" s="13" t="s">
        <v>205</v>
      </c>
      <c r="AP9" s="13" t="s">
        <v>205</v>
      </c>
      <c r="AQ9" s="13" t="s">
        <v>205</v>
      </c>
      <c r="AR9" s="13" t="s">
        <v>205</v>
      </c>
      <c r="AS9" s="13" t="s">
        <v>205</v>
      </c>
      <c r="AT9" s="13" t="s">
        <v>356</v>
      </c>
      <c r="AU9" s="13" t="s">
        <v>360</v>
      </c>
      <c r="AV9" s="13" t="s">
        <v>356</v>
      </c>
      <c r="AW9" s="13" t="s">
        <v>205</v>
      </c>
      <c r="AX9" s="13" t="s">
        <v>205</v>
      </c>
      <c r="AY9" s="13" t="s">
        <v>205</v>
      </c>
      <c r="AZ9" s="13" t="s">
        <v>205</v>
      </c>
      <c r="BA9" s="13" t="s">
        <v>205</v>
      </c>
      <c r="BB9" s="13" t="s">
        <v>356</v>
      </c>
      <c r="BC9" s="13" t="s">
        <v>205</v>
      </c>
      <c r="BD9" s="13" t="s">
        <v>205</v>
      </c>
      <c r="BE9" s="13" t="s">
        <v>205</v>
      </c>
      <c r="BF9" s="13" t="s">
        <v>356</v>
      </c>
      <c r="BG9" s="13" t="s">
        <v>205</v>
      </c>
      <c r="BH9" s="13" t="s">
        <v>356</v>
      </c>
      <c r="BI9" s="13" t="s">
        <v>205</v>
      </c>
      <c r="BJ9" s="13" t="s">
        <v>356</v>
      </c>
      <c r="BK9" s="13" t="s">
        <v>360</v>
      </c>
      <c r="BL9" s="13" t="s">
        <v>205</v>
      </c>
      <c r="BM9" s="13" t="s">
        <v>205</v>
      </c>
      <c r="BN9" s="13" t="s">
        <v>205</v>
      </c>
      <c r="BO9" s="13" t="s">
        <v>360</v>
      </c>
      <c r="BP9" s="13" t="s">
        <v>356</v>
      </c>
      <c r="BQ9" s="13" t="s">
        <v>205</v>
      </c>
      <c r="BR9" s="13" t="s">
        <v>356</v>
      </c>
      <c r="BS9" s="13" t="s">
        <v>360</v>
      </c>
      <c r="BT9" s="13" t="s">
        <v>360</v>
      </c>
      <c r="BU9" s="13" t="s">
        <v>360</v>
      </c>
      <c r="BV9" s="13" t="s">
        <v>205</v>
      </c>
      <c r="BW9" s="13" t="s">
        <v>205</v>
      </c>
      <c r="BX9" s="13" t="s">
        <v>205</v>
      </c>
      <c r="BY9" s="13" t="s">
        <v>356</v>
      </c>
      <c r="BZ9" s="13" t="s">
        <v>205</v>
      </c>
      <c r="CA9" s="13" t="s">
        <v>356</v>
      </c>
      <c r="CB9" s="13" t="s">
        <v>205</v>
      </c>
      <c r="CC9" s="13" t="s">
        <v>205</v>
      </c>
      <c r="CD9" s="13" t="s">
        <v>356</v>
      </c>
      <c r="CE9" s="13" t="s">
        <v>205</v>
      </c>
      <c r="CF9" s="13" t="s">
        <v>356</v>
      </c>
      <c r="CG9" s="13" t="s">
        <v>205</v>
      </c>
      <c r="CH9" s="13" t="s">
        <v>205</v>
      </c>
      <c r="CI9" s="13" t="s">
        <v>205</v>
      </c>
      <c r="CJ9" s="13" t="s">
        <v>205</v>
      </c>
      <c r="CK9" s="13" t="s">
        <v>205</v>
      </c>
      <c r="CL9" s="13" t="s">
        <v>205</v>
      </c>
      <c r="CM9" s="13" t="s">
        <v>356</v>
      </c>
      <c r="CN9" s="13" t="s">
        <v>205</v>
      </c>
      <c r="CO9" s="13" t="s">
        <v>205</v>
      </c>
      <c r="CP9" s="13" t="s">
        <v>360</v>
      </c>
      <c r="CQ9" s="13" t="s">
        <v>205</v>
      </c>
      <c r="CR9" s="13" t="s">
        <v>356</v>
      </c>
      <c r="CS9" s="13" t="s">
        <v>205</v>
      </c>
      <c r="CT9" s="13" t="s">
        <v>205</v>
      </c>
    </row>
    <row r="10" spans="1:98" ht="13.5" x14ac:dyDescent="0.15">
      <c r="A10" s="14" t="s">
        <v>361</v>
      </c>
      <c r="B10" s="14" t="s">
        <v>362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</row>
    <row r="11" spans="1:98" x14ac:dyDescent="0.15">
      <c r="A11" s="18" t="s">
        <v>363</v>
      </c>
      <c r="B11" s="18" t="s">
        <v>192</v>
      </c>
      <c r="C11" s="18" t="s">
        <v>153</v>
      </c>
      <c r="D11" s="18" t="s">
        <v>9</v>
      </c>
      <c r="E11" s="18" t="s">
        <v>3</v>
      </c>
      <c r="F11" s="18" t="s">
        <v>157</v>
      </c>
      <c r="G11" s="17">
        <v>25.685189999999999</v>
      </c>
      <c r="H11" s="17">
        <v>100</v>
      </c>
      <c r="I11" s="17">
        <v>100</v>
      </c>
      <c r="J11" s="17">
        <v>99.876630000000006</v>
      </c>
      <c r="K11" s="17">
        <v>99.531620000000004</v>
      </c>
      <c r="L11" s="17">
        <v>99.13955</v>
      </c>
      <c r="M11" s="17">
        <v>97.942710000000005</v>
      </c>
      <c r="N11" s="17">
        <v>96.784570000000002</v>
      </c>
      <c r="O11" s="17">
        <v>95.351960000000005</v>
      </c>
      <c r="P11" s="17">
        <v>92.804429999999996</v>
      </c>
      <c r="Q11" s="17">
        <v>87.946309999999997</v>
      </c>
      <c r="R11" s="17">
        <v>81.402600000000007</v>
      </c>
      <c r="S11" s="17">
        <v>73.128990000000002</v>
      </c>
      <c r="T11" s="17">
        <v>65.561419999999998</v>
      </c>
      <c r="U11" s="17">
        <v>60.342300000000002</v>
      </c>
      <c r="V11" s="17">
        <v>53.162190000000002</v>
      </c>
      <c r="W11" s="17">
        <v>47.268999999999998</v>
      </c>
      <c r="X11" s="17">
        <v>42.973930000000003</v>
      </c>
      <c r="Y11" s="17">
        <v>39.658990000000003</v>
      </c>
      <c r="Z11" s="17">
        <v>36.123440000000002</v>
      </c>
      <c r="AA11" s="17">
        <v>35.703609999999998</v>
      </c>
      <c r="AB11" s="17">
        <v>32.72654</v>
      </c>
      <c r="AC11" s="17">
        <v>30.280190000000001</v>
      </c>
      <c r="AD11" s="17">
        <v>29.21227</v>
      </c>
      <c r="AE11" s="17">
        <v>27.53725</v>
      </c>
      <c r="AF11" s="17">
        <v>26.903970000000001</v>
      </c>
      <c r="AG11" s="17">
        <v>25.446770000000001</v>
      </c>
      <c r="AH11" s="17">
        <v>23.86645</v>
      </c>
      <c r="AI11" s="17">
        <v>22.44191</v>
      </c>
      <c r="AJ11" s="17">
        <v>22.930489999999999</v>
      </c>
      <c r="AK11" s="17">
        <v>22.75394</v>
      </c>
      <c r="AL11" s="17">
        <v>22.000990000000002</v>
      </c>
      <c r="AM11" s="17">
        <v>21.240110000000001</v>
      </c>
      <c r="AN11" s="17">
        <v>19.56672</v>
      </c>
      <c r="AO11" s="17">
        <v>18.458310000000001</v>
      </c>
      <c r="AP11" s="17">
        <v>18.50421</v>
      </c>
      <c r="AQ11" s="17">
        <v>15.964079999999999</v>
      </c>
      <c r="AR11" s="17">
        <v>14.930350000000001</v>
      </c>
      <c r="AS11" s="17">
        <v>14.664350000000001</v>
      </c>
      <c r="AT11" s="17">
        <v>14.95327</v>
      </c>
      <c r="AU11" s="17">
        <v>12.64391</v>
      </c>
      <c r="AV11" s="17">
        <v>12.42822</v>
      </c>
      <c r="AW11" s="17">
        <v>11.577220000000001</v>
      </c>
      <c r="AX11" s="17">
        <v>10.476190000000001</v>
      </c>
      <c r="AY11" s="17">
        <v>10.14556</v>
      </c>
      <c r="AZ11" s="17">
        <v>9.0587300000000006</v>
      </c>
      <c r="BA11" s="17">
        <v>8.3255199999999991</v>
      </c>
      <c r="BB11" s="17">
        <v>8.5307099999999991</v>
      </c>
      <c r="BC11" s="17">
        <v>8.7141300000000008</v>
      </c>
      <c r="BD11" s="17">
        <v>8.3362599999999993</v>
      </c>
      <c r="BE11" s="17">
        <v>7.2571099999999999</v>
      </c>
      <c r="BF11" s="17">
        <v>6.8733500000000003</v>
      </c>
      <c r="BG11" s="17">
        <v>6.1587500000000004</v>
      </c>
      <c r="BH11" s="17">
        <v>6.0125799999999998</v>
      </c>
      <c r="BI11" s="17">
        <v>4.8396999999999997</v>
      </c>
      <c r="BJ11" s="17">
        <v>4.6976599999999999</v>
      </c>
      <c r="BK11" s="17">
        <v>4.3878899999999996</v>
      </c>
      <c r="BL11" s="17">
        <v>3.9640900000000001</v>
      </c>
      <c r="BM11" s="17">
        <v>2.6461899999999998</v>
      </c>
      <c r="BN11" s="17">
        <v>3.2097500000000001</v>
      </c>
      <c r="BO11" s="17">
        <v>3.0795699999999999</v>
      </c>
      <c r="BP11" s="17">
        <v>2.2065100000000002</v>
      </c>
      <c r="BQ11" s="17">
        <v>2.3086899999999999</v>
      </c>
      <c r="BR11" s="17">
        <v>2.3564099999999999</v>
      </c>
      <c r="BS11" s="17">
        <v>2.4437000000000002</v>
      </c>
      <c r="BT11" s="17">
        <v>2.17096</v>
      </c>
      <c r="BU11" s="17">
        <v>1.9489399999999999</v>
      </c>
      <c r="BV11" s="17">
        <v>2.1356099999999998</v>
      </c>
      <c r="BW11" s="17">
        <v>1.68022</v>
      </c>
      <c r="BX11" s="17">
        <v>2.1301800000000002</v>
      </c>
      <c r="BY11" s="17">
        <v>2.1032500000000001</v>
      </c>
      <c r="BZ11" s="17">
        <v>1.8656699999999999</v>
      </c>
      <c r="CA11" s="17">
        <v>2.1156000000000001</v>
      </c>
      <c r="CB11" s="17">
        <v>1.3967700000000001</v>
      </c>
      <c r="CC11" s="17">
        <v>2.1411199999999999</v>
      </c>
      <c r="CD11" s="17">
        <v>1.5743799999999999</v>
      </c>
      <c r="CE11" s="17">
        <v>1.7521100000000001</v>
      </c>
      <c r="CF11" s="17">
        <v>1.3460000000000001</v>
      </c>
      <c r="CG11" s="17">
        <v>1.0741099999999999</v>
      </c>
      <c r="CH11" s="17">
        <v>1.6806700000000001</v>
      </c>
      <c r="CI11" s="17">
        <v>1.2012</v>
      </c>
      <c r="CJ11" s="17">
        <v>0.56818000000000002</v>
      </c>
      <c r="CK11" s="17">
        <v>0.89285999999999999</v>
      </c>
      <c r="CL11" s="17">
        <v>0.44052999999999998</v>
      </c>
      <c r="CM11" s="17">
        <v>1.63934</v>
      </c>
      <c r="CN11" s="17">
        <v>0.65788999999999997</v>
      </c>
      <c r="CO11" s="17">
        <v>0.41321999999999998</v>
      </c>
      <c r="CP11" s="17">
        <v>36.341560000000001</v>
      </c>
      <c r="CQ11" s="17">
        <v>3.4140000000000001</v>
      </c>
      <c r="CR11" s="17">
        <v>1.98577</v>
      </c>
      <c r="CS11" s="17">
        <v>1.6234999999999999</v>
      </c>
      <c r="CT11" s="17">
        <v>27.596299999999999</v>
      </c>
    </row>
    <row r="12" spans="1:98" x14ac:dyDescent="0.15">
      <c r="A12" s="18" t="s">
        <v>193</v>
      </c>
      <c r="B12" s="18" t="s">
        <v>192</v>
      </c>
      <c r="C12" s="18" t="s">
        <v>153</v>
      </c>
      <c r="D12" s="18" t="s">
        <v>9</v>
      </c>
      <c r="E12" s="18" t="s">
        <v>3</v>
      </c>
      <c r="F12" s="18" t="s">
        <v>156</v>
      </c>
      <c r="G12" s="17">
        <v>59.068159999999999</v>
      </c>
      <c r="H12" s="17">
        <v>0</v>
      </c>
      <c r="I12" s="17">
        <v>0</v>
      </c>
      <c r="J12" s="17">
        <v>0.12336999999999999</v>
      </c>
      <c r="K12" s="17">
        <v>0.39032</v>
      </c>
      <c r="L12" s="17">
        <v>0.80667</v>
      </c>
      <c r="M12" s="17">
        <v>1.875</v>
      </c>
      <c r="N12" s="17">
        <v>2.9742799999999998</v>
      </c>
      <c r="O12" s="17">
        <v>4.2987599999999997</v>
      </c>
      <c r="P12" s="17">
        <v>6.90564</v>
      </c>
      <c r="Q12" s="17">
        <v>11.516780000000001</v>
      </c>
      <c r="R12" s="17">
        <v>17.506489999999999</v>
      </c>
      <c r="S12" s="17">
        <v>25.56833</v>
      </c>
      <c r="T12" s="17">
        <v>33.283090000000001</v>
      </c>
      <c r="U12" s="17">
        <v>38.14181</v>
      </c>
      <c r="V12" s="17">
        <v>44.784129999999998</v>
      </c>
      <c r="W12" s="17">
        <v>50.045520000000003</v>
      </c>
      <c r="X12" s="17">
        <v>54.109589999999997</v>
      </c>
      <c r="Y12" s="17">
        <v>57.263060000000003</v>
      </c>
      <c r="Z12" s="17">
        <v>60.642569999999999</v>
      </c>
      <c r="AA12" s="17">
        <v>60.26052</v>
      </c>
      <c r="AB12" s="17">
        <v>62.884300000000003</v>
      </c>
      <c r="AC12" s="17">
        <v>65.198070000000001</v>
      </c>
      <c r="AD12" s="17">
        <v>65.889110000000002</v>
      </c>
      <c r="AE12" s="17">
        <v>67.677480000000003</v>
      </c>
      <c r="AF12" s="17">
        <v>67.930459999999997</v>
      </c>
      <c r="AG12" s="17">
        <v>68.565759999999997</v>
      </c>
      <c r="AH12" s="17">
        <v>69.864410000000007</v>
      </c>
      <c r="AI12" s="17">
        <v>70.818299999999994</v>
      </c>
      <c r="AJ12" s="17">
        <v>69.613500000000002</v>
      </c>
      <c r="AK12" s="17">
        <v>69.666560000000004</v>
      </c>
      <c r="AL12" s="17">
        <v>69.771270000000001</v>
      </c>
      <c r="AM12" s="17">
        <v>70.118729999999999</v>
      </c>
      <c r="AN12" s="17">
        <v>71.421139999999994</v>
      </c>
      <c r="AO12" s="17">
        <v>72.592200000000005</v>
      </c>
      <c r="AP12" s="17">
        <v>71.766310000000004</v>
      </c>
      <c r="AQ12" s="17">
        <v>73.826980000000006</v>
      </c>
      <c r="AR12" s="17">
        <v>74.965670000000003</v>
      </c>
      <c r="AS12" s="17">
        <v>75.449799999999996</v>
      </c>
      <c r="AT12" s="17">
        <v>75.548789999999997</v>
      </c>
      <c r="AU12" s="17">
        <v>75.472859999999997</v>
      </c>
      <c r="AV12" s="17">
        <v>76.661199999999994</v>
      </c>
      <c r="AW12" s="17">
        <v>77.236270000000005</v>
      </c>
      <c r="AX12" s="17">
        <v>78.455029999999994</v>
      </c>
      <c r="AY12" s="17">
        <v>78.774709999999999</v>
      </c>
      <c r="AZ12" s="17">
        <v>79.425240000000002</v>
      </c>
      <c r="BA12" s="17">
        <v>79.486220000000003</v>
      </c>
      <c r="BB12" s="17">
        <v>78.702100000000002</v>
      </c>
      <c r="BC12" s="17">
        <v>77.630179999999996</v>
      </c>
      <c r="BD12" s="17">
        <v>77.588629999999995</v>
      </c>
      <c r="BE12" s="17">
        <v>77.80771</v>
      </c>
      <c r="BF12" s="17">
        <v>77.800529999999995</v>
      </c>
      <c r="BG12" s="17">
        <v>77.661270000000002</v>
      </c>
      <c r="BH12" s="17">
        <v>76.250979999999998</v>
      </c>
      <c r="BI12" s="17">
        <v>77.619460000000004</v>
      </c>
      <c r="BJ12" s="17">
        <v>76.367140000000006</v>
      </c>
      <c r="BK12" s="17">
        <v>76.831940000000003</v>
      </c>
      <c r="BL12" s="17">
        <v>74.944940000000003</v>
      </c>
      <c r="BM12" s="17">
        <v>76.073279999999997</v>
      </c>
      <c r="BN12" s="17">
        <v>73.10333</v>
      </c>
      <c r="BO12" s="17">
        <v>71.002300000000005</v>
      </c>
      <c r="BP12" s="17">
        <v>70.694090000000003</v>
      </c>
      <c r="BQ12" s="17">
        <v>67.963679999999997</v>
      </c>
      <c r="BR12" s="17">
        <v>66.298479999999998</v>
      </c>
      <c r="BS12" s="17">
        <v>63.24868</v>
      </c>
      <c r="BT12" s="17">
        <v>60.69652</v>
      </c>
      <c r="BU12" s="17">
        <v>59.401589999999999</v>
      </c>
      <c r="BV12" s="17">
        <v>55.232250000000001</v>
      </c>
      <c r="BW12" s="17">
        <v>50.054200000000002</v>
      </c>
      <c r="BX12" s="17">
        <v>47.041420000000002</v>
      </c>
      <c r="BY12" s="17">
        <v>46.080309999999997</v>
      </c>
      <c r="BZ12" s="17">
        <v>41.64179</v>
      </c>
      <c r="CA12" s="17">
        <v>38.760860000000001</v>
      </c>
      <c r="CB12" s="17">
        <v>34.701000000000001</v>
      </c>
      <c r="CC12" s="17">
        <v>31.776160000000001</v>
      </c>
      <c r="CD12" s="17">
        <v>28.338760000000001</v>
      </c>
      <c r="CE12" s="17">
        <v>24.269950000000001</v>
      </c>
      <c r="CF12" s="17">
        <v>20.506730000000001</v>
      </c>
      <c r="CG12" s="17">
        <v>17.615469999999998</v>
      </c>
      <c r="CH12" s="17">
        <v>13.20528</v>
      </c>
      <c r="CI12" s="17">
        <v>12.61261</v>
      </c>
      <c r="CJ12" s="17">
        <v>11.93182</v>
      </c>
      <c r="CK12" s="17">
        <v>10.11905</v>
      </c>
      <c r="CL12" s="17">
        <v>8.3700399999999995</v>
      </c>
      <c r="CM12" s="17">
        <v>8.1967199999999991</v>
      </c>
      <c r="CN12" s="17">
        <v>1.9736800000000001</v>
      </c>
      <c r="CO12" s="17">
        <v>4.5454499999999998</v>
      </c>
      <c r="CP12" s="17">
        <v>57.109729999999999</v>
      </c>
      <c r="CQ12" s="17">
        <v>63.161180000000002</v>
      </c>
      <c r="CR12" s="17">
        <v>49.485199999999999</v>
      </c>
      <c r="CS12" s="17">
        <v>28.49541</v>
      </c>
      <c r="CT12" s="17">
        <v>63.997450000000001</v>
      </c>
    </row>
    <row r="13" spans="1:98" x14ac:dyDescent="0.15">
      <c r="A13" s="18" t="s">
        <v>193</v>
      </c>
      <c r="B13" s="18" t="s">
        <v>192</v>
      </c>
      <c r="C13" s="18" t="s">
        <v>153</v>
      </c>
      <c r="D13" s="18" t="s">
        <v>9</v>
      </c>
      <c r="E13" s="18" t="s">
        <v>3</v>
      </c>
      <c r="F13" s="18" t="s">
        <v>155</v>
      </c>
      <c r="G13" s="17">
        <v>10.16033</v>
      </c>
      <c r="H13" s="17">
        <v>0</v>
      </c>
      <c r="I13" s="17">
        <v>0</v>
      </c>
      <c r="J13" s="17">
        <v>0</v>
      </c>
      <c r="K13" s="17">
        <v>2.6020000000000001E-2</v>
      </c>
      <c r="L13" s="17">
        <v>0</v>
      </c>
      <c r="M13" s="17">
        <v>2.6040000000000001E-2</v>
      </c>
      <c r="N13" s="17">
        <v>2.6800000000000001E-2</v>
      </c>
      <c r="O13" s="17">
        <v>2.6870000000000002E-2</v>
      </c>
      <c r="P13" s="17">
        <v>0</v>
      </c>
      <c r="Q13" s="17">
        <v>2.6849999999999999E-2</v>
      </c>
      <c r="R13" s="17">
        <v>2.597E-2</v>
      </c>
      <c r="S13" s="17">
        <v>5.1090000000000003E-2</v>
      </c>
      <c r="T13" s="17">
        <v>0</v>
      </c>
      <c r="U13" s="17">
        <v>4.8899999999999999E-2</v>
      </c>
      <c r="V13" s="17">
        <v>2.334E-2</v>
      </c>
      <c r="W13" s="17">
        <v>2.2759999999999999E-2</v>
      </c>
      <c r="X13" s="17">
        <v>2.2089999999999999E-2</v>
      </c>
      <c r="Y13" s="17">
        <v>2.214E-2</v>
      </c>
      <c r="Z13" s="17">
        <v>0.10569000000000001</v>
      </c>
      <c r="AA13" s="17">
        <v>0.14948</v>
      </c>
      <c r="AB13" s="17">
        <v>0.12136</v>
      </c>
      <c r="AC13" s="17">
        <v>0.11594</v>
      </c>
      <c r="AD13" s="17">
        <v>0.17943999999999999</v>
      </c>
      <c r="AE13" s="17">
        <v>0.19281000000000001</v>
      </c>
      <c r="AF13" s="17">
        <v>0.29801</v>
      </c>
      <c r="AG13" s="17">
        <v>0.38185000000000002</v>
      </c>
      <c r="AH13" s="17">
        <v>0.26243</v>
      </c>
      <c r="AI13" s="17">
        <v>0.43296000000000001</v>
      </c>
      <c r="AJ13" s="17">
        <v>0.36054000000000003</v>
      </c>
      <c r="AK13" s="17">
        <v>0.49397999999999997</v>
      </c>
      <c r="AL13" s="17">
        <v>0.46074999999999999</v>
      </c>
      <c r="AM13" s="17">
        <v>0.69260999999999995</v>
      </c>
      <c r="AN13" s="17">
        <v>0.86655000000000004</v>
      </c>
      <c r="AO13" s="17">
        <v>1.0837300000000001</v>
      </c>
      <c r="AP13" s="17">
        <v>1.1593500000000001</v>
      </c>
      <c r="AQ13" s="17">
        <v>1.30132</v>
      </c>
      <c r="AR13" s="17">
        <v>1.56955</v>
      </c>
      <c r="AS13" s="17">
        <v>1.6637599999999999</v>
      </c>
      <c r="AT13" s="17">
        <v>1.8691599999999999</v>
      </c>
      <c r="AU13" s="17">
        <v>2.3848699999999998</v>
      </c>
      <c r="AV13" s="17">
        <v>2.6866300000000001</v>
      </c>
      <c r="AW13" s="17">
        <v>3.0022600000000002</v>
      </c>
      <c r="AX13" s="17">
        <v>3.4497399999999998</v>
      </c>
      <c r="AY13" s="17">
        <v>3.2804700000000002</v>
      </c>
      <c r="AZ13" s="17">
        <v>3.9150399999999999</v>
      </c>
      <c r="BA13" s="17">
        <v>4.7440499999999997</v>
      </c>
      <c r="BB13" s="17">
        <v>5.1607900000000004</v>
      </c>
      <c r="BC13" s="17">
        <v>5.8094200000000003</v>
      </c>
      <c r="BD13" s="17">
        <v>6.5988100000000003</v>
      </c>
      <c r="BE13" s="17">
        <v>6.9540300000000004</v>
      </c>
      <c r="BF13" s="17">
        <v>7.8970500000000001</v>
      </c>
      <c r="BG13" s="17">
        <v>8.8266500000000008</v>
      </c>
      <c r="BH13" s="17">
        <v>10.36154</v>
      </c>
      <c r="BI13" s="17">
        <v>10.477830000000001</v>
      </c>
      <c r="BJ13" s="17">
        <v>12.358470000000001</v>
      </c>
      <c r="BK13" s="17">
        <v>13.032030000000001</v>
      </c>
      <c r="BL13" s="17">
        <v>14.34864</v>
      </c>
      <c r="BM13" s="17">
        <v>16.136199999999999</v>
      </c>
      <c r="BN13" s="17">
        <v>18.10848</v>
      </c>
      <c r="BO13" s="17">
        <v>20.83015</v>
      </c>
      <c r="BP13" s="17">
        <v>22.322189999999999</v>
      </c>
      <c r="BQ13" s="17">
        <v>25.032430000000002</v>
      </c>
      <c r="BR13" s="17">
        <v>26.804120000000001</v>
      </c>
      <c r="BS13" s="17">
        <v>30.5702</v>
      </c>
      <c r="BT13" s="17">
        <v>34.690190000000001</v>
      </c>
      <c r="BU13" s="17">
        <v>35.218229999999998</v>
      </c>
      <c r="BV13" s="17">
        <v>39.135080000000002</v>
      </c>
      <c r="BW13" s="17">
        <v>45.718159999999997</v>
      </c>
      <c r="BX13" s="17">
        <v>48.224850000000004</v>
      </c>
      <c r="BY13" s="17">
        <v>49.45825</v>
      </c>
      <c r="BZ13" s="17">
        <v>54.402990000000003</v>
      </c>
      <c r="CA13" s="17">
        <v>57.159050000000001</v>
      </c>
      <c r="CB13" s="17">
        <v>61.545180000000002</v>
      </c>
      <c r="CC13" s="17">
        <v>64.038929999999993</v>
      </c>
      <c r="CD13" s="17">
        <v>68.023889999999994</v>
      </c>
      <c r="CE13" s="17">
        <v>72.160929999999993</v>
      </c>
      <c r="CF13" s="17">
        <v>76.801270000000002</v>
      </c>
      <c r="CG13" s="17">
        <v>80.558539999999994</v>
      </c>
      <c r="CH13" s="17">
        <v>83.553420000000003</v>
      </c>
      <c r="CI13" s="17">
        <v>85.43544</v>
      </c>
      <c r="CJ13" s="17">
        <v>86.174239999999998</v>
      </c>
      <c r="CK13" s="17">
        <v>87.5</v>
      </c>
      <c r="CL13" s="17">
        <v>90.748900000000006</v>
      </c>
      <c r="CM13" s="17">
        <v>87.978139999999996</v>
      </c>
      <c r="CN13" s="17">
        <v>96.710530000000006</v>
      </c>
      <c r="CO13" s="17">
        <v>93.801649999999995</v>
      </c>
      <c r="CP13" s="17">
        <v>1.33172</v>
      </c>
      <c r="CQ13" s="17">
        <v>28.611599999999999</v>
      </c>
      <c r="CR13" s="17">
        <v>45.560859999999998</v>
      </c>
      <c r="CS13" s="17">
        <v>68.072980000000001</v>
      </c>
      <c r="CT13" s="17">
        <v>2.5392700000000001</v>
      </c>
    </row>
    <row r="14" spans="1:98" x14ac:dyDescent="0.15">
      <c r="A14" s="18" t="s">
        <v>363</v>
      </c>
      <c r="B14" s="18" t="s">
        <v>192</v>
      </c>
      <c r="C14" s="18" t="s">
        <v>153</v>
      </c>
      <c r="D14" s="18" t="s">
        <v>9</v>
      </c>
      <c r="E14" s="18" t="s">
        <v>3</v>
      </c>
      <c r="F14" s="18" t="s">
        <v>154</v>
      </c>
      <c r="G14" s="17">
        <v>5.0863199999999997</v>
      </c>
      <c r="H14" s="17">
        <v>0</v>
      </c>
      <c r="I14" s="17">
        <v>0</v>
      </c>
      <c r="J14" s="17">
        <v>0</v>
      </c>
      <c r="K14" s="17">
        <v>5.2040000000000003E-2</v>
      </c>
      <c r="L14" s="17">
        <v>5.3780000000000001E-2</v>
      </c>
      <c r="M14" s="17">
        <v>0.15625</v>
      </c>
      <c r="N14" s="17">
        <v>0.21435999999999999</v>
      </c>
      <c r="O14" s="17">
        <v>0.32240999999999997</v>
      </c>
      <c r="P14" s="17">
        <v>0.28993000000000002</v>
      </c>
      <c r="Q14" s="17">
        <v>0.51007000000000002</v>
      </c>
      <c r="R14" s="17">
        <v>1.06494</v>
      </c>
      <c r="S14" s="17">
        <v>1.2516</v>
      </c>
      <c r="T14" s="17">
        <v>1.1554899999999999</v>
      </c>
      <c r="U14" s="17">
        <v>1.46699</v>
      </c>
      <c r="V14" s="17">
        <v>2.0303399999999998</v>
      </c>
      <c r="W14" s="17">
        <v>2.6627200000000002</v>
      </c>
      <c r="X14" s="17">
        <v>2.89439</v>
      </c>
      <c r="Y14" s="17">
        <v>3.0558000000000001</v>
      </c>
      <c r="Z14" s="17">
        <v>3.1282999999999999</v>
      </c>
      <c r="AA14" s="17">
        <v>3.8864000000000001</v>
      </c>
      <c r="AB14" s="17">
        <v>4.2678000000000003</v>
      </c>
      <c r="AC14" s="17">
        <v>4.4058000000000002</v>
      </c>
      <c r="AD14" s="17">
        <v>4.7191799999999997</v>
      </c>
      <c r="AE14" s="17">
        <v>4.59246</v>
      </c>
      <c r="AF14" s="17">
        <v>4.8675499999999996</v>
      </c>
      <c r="AG14" s="17">
        <v>5.60562</v>
      </c>
      <c r="AH14" s="17">
        <v>6.00671</v>
      </c>
      <c r="AI14" s="17">
        <v>6.3068299999999997</v>
      </c>
      <c r="AJ14" s="17">
        <v>7.0954699999999997</v>
      </c>
      <c r="AK14" s="17">
        <v>7.0855199999999998</v>
      </c>
      <c r="AL14" s="17">
        <v>7.7669899999999998</v>
      </c>
      <c r="AM14" s="17">
        <v>7.94855</v>
      </c>
      <c r="AN14" s="17">
        <v>8.1455800000000007</v>
      </c>
      <c r="AO14" s="17">
        <v>7.8657599999999999</v>
      </c>
      <c r="AP14" s="17">
        <v>8.5701300000000007</v>
      </c>
      <c r="AQ14" s="17">
        <v>8.9076199999999996</v>
      </c>
      <c r="AR14" s="17">
        <v>8.5344300000000004</v>
      </c>
      <c r="AS14" s="17">
        <v>8.2220899999999997</v>
      </c>
      <c r="AT14" s="17">
        <v>7.6287799999999999</v>
      </c>
      <c r="AU14" s="17">
        <v>9.4983599999999999</v>
      </c>
      <c r="AV14" s="17">
        <v>8.2239500000000003</v>
      </c>
      <c r="AW14" s="17">
        <v>8.1842500000000005</v>
      </c>
      <c r="AX14" s="17">
        <v>7.6190499999999997</v>
      </c>
      <c r="AY14" s="17">
        <v>7.7992600000000003</v>
      </c>
      <c r="AZ14" s="17">
        <v>7.601</v>
      </c>
      <c r="BA14" s="17">
        <v>7.4442199999999996</v>
      </c>
      <c r="BB14" s="17">
        <v>7.6063900000000002</v>
      </c>
      <c r="BC14" s="17">
        <v>7.84626</v>
      </c>
      <c r="BD14" s="17">
        <v>7.4763099999999998</v>
      </c>
      <c r="BE14" s="17">
        <v>7.9811399999999999</v>
      </c>
      <c r="BF14" s="17">
        <v>7.4290700000000003</v>
      </c>
      <c r="BG14" s="17">
        <v>7.3533299999999997</v>
      </c>
      <c r="BH14" s="17">
        <v>7.3749000000000002</v>
      </c>
      <c r="BI14" s="17">
        <v>7.0630100000000002</v>
      </c>
      <c r="BJ14" s="17">
        <v>6.5767300000000004</v>
      </c>
      <c r="BK14" s="17">
        <v>5.7481400000000002</v>
      </c>
      <c r="BL14" s="17">
        <v>6.7423299999999999</v>
      </c>
      <c r="BM14" s="17">
        <v>5.1443399999999997</v>
      </c>
      <c r="BN14" s="17">
        <v>5.5784399999999996</v>
      </c>
      <c r="BO14" s="17">
        <v>5.0879899999999996</v>
      </c>
      <c r="BP14" s="17">
        <v>4.7772100000000002</v>
      </c>
      <c r="BQ14" s="17">
        <v>4.6951999999999998</v>
      </c>
      <c r="BR14" s="17">
        <v>4.5409899999999999</v>
      </c>
      <c r="BS14" s="17">
        <v>3.7374200000000002</v>
      </c>
      <c r="BT14" s="17">
        <v>2.4423300000000001</v>
      </c>
      <c r="BU14" s="17">
        <v>3.4312399999999998</v>
      </c>
      <c r="BV14" s="17">
        <v>3.4970599999999998</v>
      </c>
      <c r="BW14" s="17">
        <v>2.5474299999999999</v>
      </c>
      <c r="BX14" s="17">
        <v>2.6035499999999998</v>
      </c>
      <c r="BY14" s="17">
        <v>2.35819</v>
      </c>
      <c r="BZ14" s="17">
        <v>2.08955</v>
      </c>
      <c r="CA14" s="17">
        <v>1.9644900000000001</v>
      </c>
      <c r="CB14" s="17">
        <v>2.3570500000000001</v>
      </c>
      <c r="CC14" s="17">
        <v>2.0438000000000001</v>
      </c>
      <c r="CD14" s="17">
        <v>2.06298</v>
      </c>
      <c r="CE14" s="17">
        <v>1.8169999999999999</v>
      </c>
      <c r="CF14" s="17">
        <v>1.3460000000000001</v>
      </c>
      <c r="CG14" s="17">
        <v>0.75187999999999999</v>
      </c>
      <c r="CH14" s="17">
        <v>1.5606199999999999</v>
      </c>
      <c r="CI14" s="17">
        <v>0.75075000000000003</v>
      </c>
      <c r="CJ14" s="17">
        <v>1.32576</v>
      </c>
      <c r="CK14" s="17">
        <v>1.4881</v>
      </c>
      <c r="CL14" s="17">
        <v>0.44052999999999998</v>
      </c>
      <c r="CM14" s="17">
        <v>2.1857899999999999</v>
      </c>
      <c r="CN14" s="17">
        <v>0.65788999999999997</v>
      </c>
      <c r="CO14" s="17">
        <v>1.23967</v>
      </c>
      <c r="CP14" s="17">
        <v>5.21699</v>
      </c>
      <c r="CQ14" s="17">
        <v>4.8132099999999998</v>
      </c>
      <c r="CR14" s="17">
        <v>2.9681700000000002</v>
      </c>
      <c r="CS14" s="17">
        <v>1.8081100000000001</v>
      </c>
      <c r="CT14" s="17">
        <v>5.8669799999999999</v>
      </c>
    </row>
    <row r="15" spans="1:98" x14ac:dyDescent="0.15">
      <c r="A15" s="18" t="s">
        <v>364</v>
      </c>
      <c r="B15" s="18" t="s">
        <v>365</v>
      </c>
      <c r="C15" s="18" t="s">
        <v>153</v>
      </c>
      <c r="D15" s="18" t="s">
        <v>9</v>
      </c>
      <c r="E15" s="18" t="s">
        <v>5</v>
      </c>
      <c r="F15" s="18" t="s">
        <v>157</v>
      </c>
      <c r="G15" s="17">
        <v>31.155270000000002</v>
      </c>
      <c r="H15" s="17">
        <v>100</v>
      </c>
      <c r="I15" s="17">
        <v>100</v>
      </c>
      <c r="J15" s="17">
        <v>99.857209999999995</v>
      </c>
      <c r="K15" s="17">
        <v>99.8005</v>
      </c>
      <c r="L15" s="17">
        <v>99.034059999999997</v>
      </c>
      <c r="M15" s="17">
        <v>98.529409999999999</v>
      </c>
      <c r="N15" s="17">
        <v>97.62397</v>
      </c>
      <c r="O15" s="17">
        <v>96.886170000000007</v>
      </c>
      <c r="P15" s="17">
        <v>95.276790000000005</v>
      </c>
      <c r="Q15" s="17">
        <v>91.145039999999995</v>
      </c>
      <c r="R15" s="17">
        <v>86.630489999999995</v>
      </c>
      <c r="S15" s="17">
        <v>78.648380000000003</v>
      </c>
      <c r="T15" s="17">
        <v>73.523809999999997</v>
      </c>
      <c r="U15" s="17">
        <v>67.700379999999996</v>
      </c>
      <c r="V15" s="17">
        <v>60.529859999999999</v>
      </c>
      <c r="W15" s="17">
        <v>54.301079999999999</v>
      </c>
      <c r="X15" s="17">
        <v>49.936199999999999</v>
      </c>
      <c r="Y15" s="17">
        <v>46.540880000000001</v>
      </c>
      <c r="Z15" s="17">
        <v>42.46293</v>
      </c>
      <c r="AA15" s="17">
        <v>43.686869999999999</v>
      </c>
      <c r="AB15" s="17">
        <v>39.517409999999998</v>
      </c>
      <c r="AC15" s="17">
        <v>37.11262</v>
      </c>
      <c r="AD15" s="17">
        <v>35.859960000000001</v>
      </c>
      <c r="AE15" s="17">
        <v>34.31709</v>
      </c>
      <c r="AF15" s="17">
        <v>33.888530000000003</v>
      </c>
      <c r="AG15" s="17">
        <v>31.970939999999999</v>
      </c>
      <c r="AH15" s="17">
        <v>29.694199999999999</v>
      </c>
      <c r="AI15" s="17">
        <v>27.44265</v>
      </c>
      <c r="AJ15" s="17">
        <v>29.352399999999999</v>
      </c>
      <c r="AK15" s="17">
        <v>29.190840000000001</v>
      </c>
      <c r="AL15" s="17">
        <v>28.31382</v>
      </c>
      <c r="AM15" s="17">
        <v>27.341290000000001</v>
      </c>
      <c r="AN15" s="17">
        <v>25.608499999999999</v>
      </c>
      <c r="AO15" s="17">
        <v>23.68329</v>
      </c>
      <c r="AP15" s="17">
        <v>24.13636</v>
      </c>
      <c r="AQ15" s="17">
        <v>20.851849999999999</v>
      </c>
      <c r="AR15" s="17">
        <v>19.720500000000001</v>
      </c>
      <c r="AS15" s="17">
        <v>19.161899999999999</v>
      </c>
      <c r="AT15" s="17">
        <v>20.333189999999998</v>
      </c>
      <c r="AU15" s="17">
        <v>17.799489999999999</v>
      </c>
      <c r="AV15" s="17">
        <v>17.310860000000002</v>
      </c>
      <c r="AW15" s="17">
        <v>16.080400000000001</v>
      </c>
      <c r="AX15" s="17">
        <v>15.19313</v>
      </c>
      <c r="AY15" s="17">
        <v>14.636279999999999</v>
      </c>
      <c r="AZ15" s="17">
        <v>12.654450000000001</v>
      </c>
      <c r="BA15" s="17">
        <v>12.409319999999999</v>
      </c>
      <c r="BB15" s="17">
        <v>12.924379999999999</v>
      </c>
      <c r="BC15" s="17">
        <v>13.50858</v>
      </c>
      <c r="BD15" s="17">
        <v>12.859680000000001</v>
      </c>
      <c r="BE15" s="17">
        <v>10.84675</v>
      </c>
      <c r="BF15" s="17">
        <v>10.460889999999999</v>
      </c>
      <c r="BG15" s="17">
        <v>8.6356300000000008</v>
      </c>
      <c r="BH15" s="17">
        <v>7.8703700000000003</v>
      </c>
      <c r="BI15" s="17">
        <v>6.4833999999999996</v>
      </c>
      <c r="BJ15" s="17">
        <v>6.2468300000000001</v>
      </c>
      <c r="BK15" s="17">
        <v>4.9976599999999998</v>
      </c>
      <c r="BL15" s="17">
        <v>4.5201900000000004</v>
      </c>
      <c r="BM15" s="17">
        <v>3.2543199999999999</v>
      </c>
      <c r="BN15" s="17">
        <v>3.6759200000000001</v>
      </c>
      <c r="BO15" s="17">
        <v>3.1354500000000001</v>
      </c>
      <c r="BP15" s="17">
        <v>2.1176499999999998</v>
      </c>
      <c r="BQ15" s="17">
        <v>1.83592</v>
      </c>
      <c r="BR15" s="17">
        <v>1.84358</v>
      </c>
      <c r="BS15" s="17">
        <v>1.89944</v>
      </c>
      <c r="BT15" s="17">
        <v>1.9725999999999999</v>
      </c>
      <c r="BU15" s="17">
        <v>1.4407300000000001</v>
      </c>
      <c r="BV15" s="17">
        <v>1.34409</v>
      </c>
      <c r="BW15" s="17">
        <v>1.29125</v>
      </c>
      <c r="BX15" s="17">
        <v>1.47662</v>
      </c>
      <c r="BY15" s="17">
        <v>1.6294999999999999</v>
      </c>
      <c r="BZ15" s="17">
        <v>0.72689999999999999</v>
      </c>
      <c r="CA15" s="17">
        <v>1.15473</v>
      </c>
      <c r="CB15" s="17">
        <v>1.0416700000000001</v>
      </c>
      <c r="CC15" s="17">
        <v>1.0606100000000001</v>
      </c>
      <c r="CD15" s="17">
        <v>0.54054000000000002</v>
      </c>
      <c r="CE15" s="17">
        <v>0.48780000000000001</v>
      </c>
      <c r="CF15" s="17">
        <v>0.58823999999999999</v>
      </c>
      <c r="CG15" s="17">
        <v>0.95694000000000001</v>
      </c>
      <c r="CH15" s="17">
        <v>0.625</v>
      </c>
      <c r="CI15" s="17">
        <v>0.78125</v>
      </c>
      <c r="CJ15" s="17">
        <v>0</v>
      </c>
      <c r="CK15" s="17">
        <v>0</v>
      </c>
      <c r="CL15" s="17">
        <v>0</v>
      </c>
      <c r="CM15" s="17">
        <v>0</v>
      </c>
      <c r="CN15" s="17">
        <v>0</v>
      </c>
      <c r="CO15" s="17">
        <v>0</v>
      </c>
      <c r="CP15" s="17">
        <v>41.891449999999999</v>
      </c>
      <c r="CQ15" s="17">
        <v>4.2341199999999999</v>
      </c>
      <c r="CR15" s="17">
        <v>1.49491</v>
      </c>
      <c r="CS15" s="17">
        <v>0.80539000000000005</v>
      </c>
      <c r="CT15" s="17">
        <v>33.201860000000003</v>
      </c>
    </row>
    <row r="16" spans="1:98" x14ac:dyDescent="0.15">
      <c r="A16" s="18" t="s">
        <v>193</v>
      </c>
      <c r="B16" s="18" t="s">
        <v>192</v>
      </c>
      <c r="C16" s="18" t="s">
        <v>153</v>
      </c>
      <c r="D16" s="18" t="s">
        <v>9</v>
      </c>
      <c r="E16" s="18" t="s">
        <v>5</v>
      </c>
      <c r="F16" s="18" t="s">
        <v>156</v>
      </c>
      <c r="G16" s="17">
        <v>61.473080000000003</v>
      </c>
      <c r="H16" s="17">
        <v>0</v>
      </c>
      <c r="I16" s="17">
        <v>0</v>
      </c>
      <c r="J16" s="17">
        <v>0.14279</v>
      </c>
      <c r="K16" s="17">
        <v>0.19950000000000001</v>
      </c>
      <c r="L16" s="17">
        <v>0.91510000000000002</v>
      </c>
      <c r="M16" s="17">
        <v>1.37571</v>
      </c>
      <c r="N16" s="17">
        <v>2.3243800000000001</v>
      </c>
      <c r="O16" s="17">
        <v>2.96069</v>
      </c>
      <c r="P16" s="17">
        <v>4.5708500000000001</v>
      </c>
      <c r="Q16" s="17">
        <v>8.4987300000000001</v>
      </c>
      <c r="R16" s="17">
        <v>12.678839999999999</v>
      </c>
      <c r="S16" s="17">
        <v>20.519100000000002</v>
      </c>
      <c r="T16" s="17">
        <v>25.761900000000001</v>
      </c>
      <c r="U16" s="17">
        <v>31.440840000000001</v>
      </c>
      <c r="V16" s="17">
        <v>38.21284</v>
      </c>
      <c r="W16" s="17">
        <v>44.086019999999998</v>
      </c>
      <c r="X16" s="17">
        <v>47.937049999999999</v>
      </c>
      <c r="Y16" s="17">
        <v>51.236899999999999</v>
      </c>
      <c r="Z16" s="17">
        <v>55.518949999999997</v>
      </c>
      <c r="AA16" s="17">
        <v>53.451180000000001</v>
      </c>
      <c r="AB16" s="17">
        <v>57.199370000000002</v>
      </c>
      <c r="AC16" s="17">
        <v>59.901739999999997</v>
      </c>
      <c r="AD16" s="17">
        <v>60.910939999999997</v>
      </c>
      <c r="AE16" s="17">
        <v>62.422789999999999</v>
      </c>
      <c r="AF16" s="17">
        <v>62.908389999999997</v>
      </c>
      <c r="AG16" s="17">
        <v>64.123519999999999</v>
      </c>
      <c r="AH16" s="17">
        <v>65.961699999999993</v>
      </c>
      <c r="AI16" s="17">
        <v>67.742850000000004</v>
      </c>
      <c r="AJ16" s="17">
        <v>65.292959999999994</v>
      </c>
      <c r="AK16" s="17">
        <v>65.557249999999996</v>
      </c>
      <c r="AL16" s="17">
        <v>65.896870000000007</v>
      </c>
      <c r="AM16" s="17">
        <v>65.964799999999997</v>
      </c>
      <c r="AN16" s="17">
        <v>67.877960000000002</v>
      </c>
      <c r="AO16" s="17">
        <v>70.108130000000003</v>
      </c>
      <c r="AP16" s="17">
        <v>68.454549999999998</v>
      </c>
      <c r="AQ16" s="17">
        <v>71.888890000000004</v>
      </c>
      <c r="AR16" s="17">
        <v>72.748450000000005</v>
      </c>
      <c r="AS16" s="17">
        <v>73.942859999999996</v>
      </c>
      <c r="AT16" s="17">
        <v>72.618539999999996</v>
      </c>
      <c r="AU16" s="17">
        <v>73.449449999999999</v>
      </c>
      <c r="AV16" s="17">
        <v>75.205590000000001</v>
      </c>
      <c r="AW16" s="17">
        <v>75.251260000000002</v>
      </c>
      <c r="AX16" s="17">
        <v>77.081549999999993</v>
      </c>
      <c r="AY16" s="17">
        <v>76.993870000000001</v>
      </c>
      <c r="AZ16" s="17">
        <v>78.824029999999993</v>
      </c>
      <c r="BA16" s="17">
        <v>79.343260000000001</v>
      </c>
      <c r="BB16" s="17">
        <v>78.163579999999996</v>
      </c>
      <c r="BC16" s="17">
        <v>75.940119999999993</v>
      </c>
      <c r="BD16" s="17">
        <v>77.904089999999997</v>
      </c>
      <c r="BE16" s="17">
        <v>78.866339999999994</v>
      </c>
      <c r="BF16" s="17">
        <v>79.290480000000002</v>
      </c>
      <c r="BG16" s="17">
        <v>80.590149999999994</v>
      </c>
      <c r="BH16" s="17">
        <v>81.454250000000002</v>
      </c>
      <c r="BI16" s="17">
        <v>82.857879999999994</v>
      </c>
      <c r="BJ16" s="17">
        <v>82.935500000000005</v>
      </c>
      <c r="BK16" s="17">
        <v>83.932739999999995</v>
      </c>
      <c r="BL16" s="17">
        <v>84.253429999999994</v>
      </c>
      <c r="BM16" s="17">
        <v>86.259540000000001</v>
      </c>
      <c r="BN16" s="17">
        <v>85.033760000000001</v>
      </c>
      <c r="BO16" s="17">
        <v>84.48997</v>
      </c>
      <c r="BP16" s="17">
        <v>86.447059999999993</v>
      </c>
      <c r="BQ16" s="17">
        <v>85.370050000000006</v>
      </c>
      <c r="BR16" s="17">
        <v>82.625699999999995</v>
      </c>
      <c r="BS16" s="17">
        <v>83.296090000000007</v>
      </c>
      <c r="BT16" s="17">
        <v>85.260270000000006</v>
      </c>
      <c r="BU16" s="17">
        <v>81.990830000000003</v>
      </c>
      <c r="BV16" s="17">
        <v>83.736559999999997</v>
      </c>
      <c r="BW16" s="17">
        <v>78.694400000000002</v>
      </c>
      <c r="BX16" s="17">
        <v>77.686629999999994</v>
      </c>
      <c r="BY16" s="17">
        <v>78.644940000000005</v>
      </c>
      <c r="BZ16" s="17">
        <v>76.531670000000005</v>
      </c>
      <c r="CA16" s="17">
        <v>77.829099999999997</v>
      </c>
      <c r="CB16" s="17">
        <v>73.567710000000005</v>
      </c>
      <c r="CC16" s="17">
        <v>67.878789999999995</v>
      </c>
      <c r="CD16" s="17">
        <v>68.288290000000003</v>
      </c>
      <c r="CE16" s="17">
        <v>65.365849999999995</v>
      </c>
      <c r="CF16" s="17">
        <v>60.294119999999999</v>
      </c>
      <c r="CG16" s="17">
        <v>60.765549999999998</v>
      </c>
      <c r="CH16" s="17">
        <v>55.625</v>
      </c>
      <c r="CI16" s="17">
        <v>51.5625</v>
      </c>
      <c r="CJ16" s="17">
        <v>47.619050000000001</v>
      </c>
      <c r="CK16" s="17">
        <v>57.692309999999999</v>
      </c>
      <c r="CL16" s="17">
        <v>38.461539999999999</v>
      </c>
      <c r="CM16" s="17">
        <v>31.428570000000001</v>
      </c>
      <c r="CN16" s="17">
        <v>18.75</v>
      </c>
      <c r="CO16" s="17">
        <v>24.242419999999999</v>
      </c>
      <c r="CP16" s="17">
        <v>53.54806</v>
      </c>
      <c r="CQ16" s="17">
        <v>81.345209999999994</v>
      </c>
      <c r="CR16" s="17">
        <v>79.346909999999994</v>
      </c>
      <c r="CS16" s="17">
        <v>68.833110000000005</v>
      </c>
      <c r="CT16" s="17">
        <v>61.130249999999997</v>
      </c>
    </row>
    <row r="17" spans="1:98" x14ac:dyDescent="0.15">
      <c r="A17" s="18" t="s">
        <v>193</v>
      </c>
      <c r="B17" s="18" t="s">
        <v>192</v>
      </c>
      <c r="C17" s="18" t="s">
        <v>153</v>
      </c>
      <c r="D17" s="18" t="s">
        <v>9</v>
      </c>
      <c r="E17" s="18" t="s">
        <v>5</v>
      </c>
      <c r="F17" s="18" t="s">
        <v>155</v>
      </c>
      <c r="G17" s="17">
        <v>3.2285300000000001</v>
      </c>
      <c r="H17" s="17">
        <v>0</v>
      </c>
      <c r="I17" s="17">
        <v>0</v>
      </c>
      <c r="J17" s="17">
        <v>0</v>
      </c>
      <c r="K17" s="17">
        <v>0</v>
      </c>
      <c r="L17" s="17">
        <v>0</v>
      </c>
      <c r="M17" s="17">
        <v>0</v>
      </c>
      <c r="N17" s="17">
        <v>0</v>
      </c>
      <c r="O17" s="17">
        <v>0</v>
      </c>
      <c r="P17" s="17">
        <v>0</v>
      </c>
      <c r="Q17" s="17">
        <v>0</v>
      </c>
      <c r="R17" s="17">
        <v>0</v>
      </c>
      <c r="S17" s="17">
        <v>9.7939999999999999E-2</v>
      </c>
      <c r="T17" s="17">
        <v>0</v>
      </c>
      <c r="U17" s="17">
        <v>0</v>
      </c>
      <c r="V17" s="17">
        <v>0</v>
      </c>
      <c r="W17" s="17">
        <v>0</v>
      </c>
      <c r="X17" s="17">
        <v>0</v>
      </c>
      <c r="Y17" s="17">
        <v>0</v>
      </c>
      <c r="Z17" s="17">
        <v>4.1189999999999997E-2</v>
      </c>
      <c r="AA17" s="17">
        <v>0</v>
      </c>
      <c r="AB17" s="17">
        <v>0.11867</v>
      </c>
      <c r="AC17" s="17">
        <v>0</v>
      </c>
      <c r="AD17" s="17">
        <v>0.10197000000000001</v>
      </c>
      <c r="AE17" s="17">
        <v>0.17158999999999999</v>
      </c>
      <c r="AF17" s="17">
        <v>6.4060000000000006E-2</v>
      </c>
      <c r="AG17" s="17">
        <v>0.21193000000000001</v>
      </c>
      <c r="AH17" s="17">
        <v>8.5739999999999997E-2</v>
      </c>
      <c r="AI17" s="17">
        <v>0.16991999999999999</v>
      </c>
      <c r="AJ17" s="17">
        <v>0.11214</v>
      </c>
      <c r="AK17" s="17">
        <v>0.36641000000000001</v>
      </c>
      <c r="AL17" s="17">
        <v>0.22145000000000001</v>
      </c>
      <c r="AM17" s="17">
        <v>0.28283999999999998</v>
      </c>
      <c r="AN17" s="17">
        <v>0.37709999999999999</v>
      </c>
      <c r="AO17" s="17">
        <v>0.38368000000000002</v>
      </c>
      <c r="AP17" s="17">
        <v>0.59091000000000005</v>
      </c>
      <c r="AQ17" s="17">
        <v>0.37036999999999998</v>
      </c>
      <c r="AR17" s="17">
        <v>0.73758000000000001</v>
      </c>
      <c r="AS17" s="17">
        <v>0.68571000000000004</v>
      </c>
      <c r="AT17" s="17">
        <v>0.85433999999999999</v>
      </c>
      <c r="AU17" s="17">
        <v>0.84962000000000004</v>
      </c>
      <c r="AV17" s="17">
        <v>0.98684000000000005</v>
      </c>
      <c r="AW17" s="17">
        <v>1.2562800000000001</v>
      </c>
      <c r="AX17" s="17">
        <v>1.28755</v>
      </c>
      <c r="AY17" s="17">
        <v>1.5775600000000001</v>
      </c>
      <c r="AZ17" s="17">
        <v>1.5764800000000001</v>
      </c>
      <c r="BA17" s="17">
        <v>1.9473100000000001</v>
      </c>
      <c r="BB17" s="17">
        <v>2.3919800000000002</v>
      </c>
      <c r="BC17" s="17">
        <v>2.8112400000000002</v>
      </c>
      <c r="BD17" s="17">
        <v>2.5222000000000002</v>
      </c>
      <c r="BE17" s="17">
        <v>3.2540200000000001</v>
      </c>
      <c r="BF17" s="17">
        <v>3.33535</v>
      </c>
      <c r="BG17" s="17">
        <v>3.5733600000000001</v>
      </c>
      <c r="BH17" s="17">
        <v>4.9291900000000002</v>
      </c>
      <c r="BI17" s="17">
        <v>3.8381699999999999</v>
      </c>
      <c r="BJ17" s="17">
        <v>4.97715</v>
      </c>
      <c r="BK17" s="17">
        <v>5.8851000000000004</v>
      </c>
      <c r="BL17" s="17">
        <v>5.6317199999999996</v>
      </c>
      <c r="BM17" s="17">
        <v>6.0265199999999997</v>
      </c>
      <c r="BN17" s="17">
        <v>6.1890499999999999</v>
      </c>
      <c r="BO17" s="17">
        <v>8.0267599999999995</v>
      </c>
      <c r="BP17" s="17">
        <v>6.9647100000000002</v>
      </c>
      <c r="BQ17" s="17">
        <v>8.7205999999999992</v>
      </c>
      <c r="BR17" s="17">
        <v>11.17318</v>
      </c>
      <c r="BS17" s="17">
        <v>10.83799</v>
      </c>
      <c r="BT17" s="17">
        <v>11.0137</v>
      </c>
      <c r="BU17" s="17">
        <v>14.27636</v>
      </c>
      <c r="BV17" s="17">
        <v>12.16398</v>
      </c>
      <c r="BW17" s="17">
        <v>17.862269999999999</v>
      </c>
      <c r="BX17" s="17">
        <v>18.12961</v>
      </c>
      <c r="BY17" s="17">
        <v>18.439109999999999</v>
      </c>
      <c r="BZ17" s="17">
        <v>20.87227</v>
      </c>
      <c r="CA17" s="17">
        <v>20.092379999999999</v>
      </c>
      <c r="CB17" s="17">
        <v>24.869789999999998</v>
      </c>
      <c r="CC17" s="17">
        <v>30</v>
      </c>
      <c r="CD17" s="17">
        <v>28.82883</v>
      </c>
      <c r="CE17" s="17">
        <v>32.926830000000002</v>
      </c>
      <c r="CF17" s="17">
        <v>39.117649999999998</v>
      </c>
      <c r="CG17" s="17">
        <v>38.277509999999999</v>
      </c>
      <c r="CH17" s="17">
        <v>43.125</v>
      </c>
      <c r="CI17" s="17">
        <v>47.65625</v>
      </c>
      <c r="CJ17" s="17">
        <v>52.380949999999999</v>
      </c>
      <c r="CK17" s="17">
        <v>42.307690000000001</v>
      </c>
      <c r="CL17" s="17">
        <v>61.538460000000001</v>
      </c>
      <c r="CM17" s="17">
        <v>68.571430000000007</v>
      </c>
      <c r="CN17" s="17">
        <v>81.25</v>
      </c>
      <c r="CO17" s="17">
        <v>72.727270000000004</v>
      </c>
      <c r="CP17" s="17">
        <v>0.55281000000000002</v>
      </c>
      <c r="CQ17" s="17">
        <v>9.9379500000000007</v>
      </c>
      <c r="CR17" s="17">
        <v>16.55143</v>
      </c>
      <c r="CS17" s="17">
        <v>29.293880000000001</v>
      </c>
      <c r="CT17" s="17">
        <v>1.03217</v>
      </c>
    </row>
    <row r="18" spans="1:98" x14ac:dyDescent="0.15">
      <c r="A18" s="18" t="s">
        <v>193</v>
      </c>
      <c r="B18" s="18" t="s">
        <v>192</v>
      </c>
      <c r="C18" s="18" t="s">
        <v>153</v>
      </c>
      <c r="D18" s="18" t="s">
        <v>9</v>
      </c>
      <c r="E18" s="18" t="s">
        <v>5</v>
      </c>
      <c r="F18" s="18" t="s">
        <v>154</v>
      </c>
      <c r="G18" s="17">
        <v>4.1431100000000001</v>
      </c>
      <c r="H18" s="17">
        <v>0</v>
      </c>
      <c r="I18" s="17">
        <v>0</v>
      </c>
      <c r="J18" s="17">
        <v>0</v>
      </c>
      <c r="K18" s="17">
        <v>0</v>
      </c>
      <c r="L18" s="17">
        <v>5.0840000000000003E-2</v>
      </c>
      <c r="M18" s="17">
        <v>9.4880000000000006E-2</v>
      </c>
      <c r="N18" s="17">
        <v>5.1650000000000001E-2</v>
      </c>
      <c r="O18" s="17">
        <v>0.15314</v>
      </c>
      <c r="P18" s="17">
        <v>0.15236</v>
      </c>
      <c r="Q18" s="17">
        <v>0.35622999999999999</v>
      </c>
      <c r="R18" s="17">
        <v>0.69067999999999996</v>
      </c>
      <c r="S18" s="17">
        <v>0.73456999999999995</v>
      </c>
      <c r="T18" s="17">
        <v>0.71428999999999998</v>
      </c>
      <c r="U18" s="17">
        <v>0.85877999999999999</v>
      </c>
      <c r="V18" s="17">
        <v>1.2573000000000001</v>
      </c>
      <c r="W18" s="17">
        <v>1.6129</v>
      </c>
      <c r="X18" s="17">
        <v>2.1267499999999999</v>
      </c>
      <c r="Y18" s="17">
        <v>2.2222200000000001</v>
      </c>
      <c r="Z18" s="17">
        <v>1.9769399999999999</v>
      </c>
      <c r="AA18" s="17">
        <v>2.8619500000000002</v>
      </c>
      <c r="AB18" s="17">
        <v>3.1645599999999998</v>
      </c>
      <c r="AC18" s="17">
        <v>2.9856400000000001</v>
      </c>
      <c r="AD18" s="17">
        <v>3.1271200000000001</v>
      </c>
      <c r="AE18" s="17">
        <v>3.0885400000000001</v>
      </c>
      <c r="AF18" s="17">
        <v>3.1390099999999999</v>
      </c>
      <c r="AG18" s="17">
        <v>3.6936100000000001</v>
      </c>
      <c r="AH18" s="17">
        <v>4.2583599999999997</v>
      </c>
      <c r="AI18" s="17">
        <v>4.6445800000000004</v>
      </c>
      <c r="AJ18" s="17">
        <v>5.2424999999999997</v>
      </c>
      <c r="AK18" s="17">
        <v>4.8855000000000004</v>
      </c>
      <c r="AL18" s="17">
        <v>5.5678599999999996</v>
      </c>
      <c r="AM18" s="17">
        <v>6.41106</v>
      </c>
      <c r="AN18" s="17">
        <v>6.1364400000000003</v>
      </c>
      <c r="AO18" s="17">
        <v>5.8249000000000004</v>
      </c>
      <c r="AP18" s="17">
        <v>6.8181799999999999</v>
      </c>
      <c r="AQ18" s="17">
        <v>6.88889</v>
      </c>
      <c r="AR18" s="17">
        <v>6.7934799999999997</v>
      </c>
      <c r="AS18" s="17">
        <v>6.2095200000000004</v>
      </c>
      <c r="AT18" s="17">
        <v>6.1939299999999999</v>
      </c>
      <c r="AU18" s="17">
        <v>7.90144</v>
      </c>
      <c r="AV18" s="17">
        <v>6.4967100000000002</v>
      </c>
      <c r="AW18" s="17">
        <v>7.4120600000000003</v>
      </c>
      <c r="AX18" s="17">
        <v>6.4377700000000004</v>
      </c>
      <c r="AY18" s="17">
        <v>6.7922900000000004</v>
      </c>
      <c r="AZ18" s="17">
        <v>6.9450399999999997</v>
      </c>
      <c r="BA18" s="17">
        <v>6.3001100000000001</v>
      </c>
      <c r="BB18" s="17">
        <v>6.52006</v>
      </c>
      <c r="BC18" s="17">
        <v>7.7400500000000001</v>
      </c>
      <c r="BD18" s="17">
        <v>6.7140300000000002</v>
      </c>
      <c r="BE18" s="17">
        <v>7.0328900000000001</v>
      </c>
      <c r="BF18" s="17">
        <v>6.9132800000000003</v>
      </c>
      <c r="BG18" s="17">
        <v>7.2008700000000001</v>
      </c>
      <c r="BH18" s="17">
        <v>5.7461900000000004</v>
      </c>
      <c r="BI18" s="17">
        <v>6.8205400000000003</v>
      </c>
      <c r="BJ18" s="17">
        <v>5.8405300000000002</v>
      </c>
      <c r="BK18" s="17">
        <v>5.1844900000000003</v>
      </c>
      <c r="BL18" s="17">
        <v>5.5946600000000002</v>
      </c>
      <c r="BM18" s="17">
        <v>4.4596200000000001</v>
      </c>
      <c r="BN18" s="17">
        <v>5.10128</v>
      </c>
      <c r="BO18" s="17">
        <v>4.3478300000000001</v>
      </c>
      <c r="BP18" s="17">
        <v>4.4705899999999996</v>
      </c>
      <c r="BQ18" s="17">
        <v>4.0734399999999997</v>
      </c>
      <c r="BR18" s="17">
        <v>4.3575400000000002</v>
      </c>
      <c r="BS18" s="17">
        <v>3.9664799999999998</v>
      </c>
      <c r="BT18" s="17">
        <v>1.75342</v>
      </c>
      <c r="BU18" s="17">
        <v>2.2920799999999999</v>
      </c>
      <c r="BV18" s="17">
        <v>2.7553800000000002</v>
      </c>
      <c r="BW18" s="17">
        <v>2.1520800000000002</v>
      </c>
      <c r="BX18" s="17">
        <v>2.7071399999999999</v>
      </c>
      <c r="BY18" s="17">
        <v>1.2864500000000001</v>
      </c>
      <c r="BZ18" s="17">
        <v>1.8691599999999999</v>
      </c>
      <c r="CA18" s="17">
        <v>0.92379</v>
      </c>
      <c r="CB18" s="17">
        <v>0.52083000000000002</v>
      </c>
      <c r="CC18" s="17">
        <v>1.0606100000000001</v>
      </c>
      <c r="CD18" s="17">
        <v>2.3423400000000001</v>
      </c>
      <c r="CE18" s="17">
        <v>1.2195100000000001</v>
      </c>
      <c r="CF18" s="17">
        <v>0</v>
      </c>
      <c r="CG18" s="17">
        <v>0</v>
      </c>
      <c r="CH18" s="17">
        <v>0.625</v>
      </c>
      <c r="CI18" s="17">
        <v>0</v>
      </c>
      <c r="CJ18" s="17">
        <v>0</v>
      </c>
      <c r="CK18" s="17">
        <v>0</v>
      </c>
      <c r="CL18" s="17">
        <v>0</v>
      </c>
      <c r="CM18" s="17">
        <v>0</v>
      </c>
      <c r="CN18" s="17">
        <v>0</v>
      </c>
      <c r="CO18" s="17">
        <v>3.0303</v>
      </c>
      <c r="CP18" s="17">
        <v>4.0076799999999997</v>
      </c>
      <c r="CQ18" s="17">
        <v>4.4827199999999996</v>
      </c>
      <c r="CR18" s="17">
        <v>2.6067499999999999</v>
      </c>
      <c r="CS18" s="17">
        <v>1.06762</v>
      </c>
      <c r="CT18" s="17">
        <v>4.6357200000000001</v>
      </c>
    </row>
    <row r="19" spans="1:98" x14ac:dyDescent="0.15">
      <c r="A19" s="18" t="s">
        <v>193</v>
      </c>
      <c r="B19" s="18" t="s">
        <v>192</v>
      </c>
      <c r="C19" s="18" t="s">
        <v>153</v>
      </c>
      <c r="D19" s="18" t="s">
        <v>9</v>
      </c>
      <c r="E19" s="18" t="s">
        <v>4</v>
      </c>
      <c r="F19" s="18" t="s">
        <v>157</v>
      </c>
      <c r="G19" s="17">
        <v>20.59581</v>
      </c>
      <c r="H19" s="17">
        <v>100</v>
      </c>
      <c r="I19" s="17">
        <v>100</v>
      </c>
      <c r="J19" s="17">
        <v>99.897540000000006</v>
      </c>
      <c r="K19" s="17">
        <v>99.238299999999995</v>
      </c>
      <c r="L19" s="17">
        <v>99.257990000000007</v>
      </c>
      <c r="M19" s="17">
        <v>97.228639999999999</v>
      </c>
      <c r="N19" s="17">
        <v>95.879729999999995</v>
      </c>
      <c r="O19" s="17">
        <v>93.647189999999995</v>
      </c>
      <c r="P19" s="17">
        <v>90.136989999999997</v>
      </c>
      <c r="Q19" s="17">
        <v>84.375</v>
      </c>
      <c r="R19" s="17">
        <v>75.589690000000004</v>
      </c>
      <c r="S19" s="17">
        <v>67.111590000000007</v>
      </c>
      <c r="T19" s="17">
        <v>56.671979999999998</v>
      </c>
      <c r="U19" s="17">
        <v>52.607819999999997</v>
      </c>
      <c r="V19" s="17">
        <v>45.189500000000002</v>
      </c>
      <c r="W19" s="17">
        <v>40.009250000000002</v>
      </c>
      <c r="X19" s="17">
        <v>35.448279999999997</v>
      </c>
      <c r="Y19" s="17">
        <v>31.95683</v>
      </c>
      <c r="Z19" s="17">
        <v>29.439859999999999</v>
      </c>
      <c r="AA19" s="17">
        <v>27.481580000000001</v>
      </c>
      <c r="AB19" s="17">
        <v>25.62086</v>
      </c>
      <c r="AC19" s="17">
        <v>23.13167</v>
      </c>
      <c r="AD19" s="17">
        <v>21.778790000000001</v>
      </c>
      <c r="AE19" s="17">
        <v>20.45862</v>
      </c>
      <c r="AF19" s="17">
        <v>19.43112</v>
      </c>
      <c r="AG19" s="17">
        <v>18.80395</v>
      </c>
      <c r="AH19" s="17">
        <v>17.797619999999998</v>
      </c>
      <c r="AI19" s="17">
        <v>17.245439999999999</v>
      </c>
      <c r="AJ19" s="17">
        <v>16.127120000000001</v>
      </c>
      <c r="AK19" s="17">
        <v>16.172339999999998</v>
      </c>
      <c r="AL19" s="17">
        <v>15.15775</v>
      </c>
      <c r="AM19" s="17">
        <v>14.503819999999999</v>
      </c>
      <c r="AN19" s="17">
        <v>13.38941</v>
      </c>
      <c r="AO19" s="17">
        <v>13.209530000000001</v>
      </c>
      <c r="AP19" s="17">
        <v>12.869490000000001</v>
      </c>
      <c r="AQ19" s="17">
        <v>11.17562</v>
      </c>
      <c r="AR19" s="17">
        <v>10.0357</v>
      </c>
      <c r="AS19" s="17">
        <v>10.023580000000001</v>
      </c>
      <c r="AT19" s="17">
        <v>9.3805300000000003</v>
      </c>
      <c r="AU19" s="17">
        <v>7.8087600000000004</v>
      </c>
      <c r="AV19" s="17">
        <v>7.5695600000000001</v>
      </c>
      <c r="AW19" s="17">
        <v>7.2323199999999996</v>
      </c>
      <c r="AX19" s="17">
        <v>5.88727</v>
      </c>
      <c r="AY19" s="17">
        <v>5.7302900000000001</v>
      </c>
      <c r="AZ19" s="17">
        <v>5.6211799999999998</v>
      </c>
      <c r="BA19" s="17">
        <v>4.3846699999999998</v>
      </c>
      <c r="BB19" s="17">
        <v>4.1522500000000004</v>
      </c>
      <c r="BC19" s="17">
        <v>4.1967699999999999</v>
      </c>
      <c r="BD19" s="17">
        <v>3.91953</v>
      </c>
      <c r="BE19" s="17">
        <v>3.9272999999999998</v>
      </c>
      <c r="BF19" s="17">
        <v>3.5310700000000002</v>
      </c>
      <c r="BG19" s="17">
        <v>3.7760400000000001</v>
      </c>
      <c r="BH19" s="17">
        <v>4.2907599999999997</v>
      </c>
      <c r="BI19" s="17">
        <v>3.36056</v>
      </c>
      <c r="BJ19" s="17">
        <v>3.2997299999999998</v>
      </c>
      <c r="BK19" s="17">
        <v>3.84775</v>
      </c>
      <c r="BL19" s="17">
        <v>3.4956299999999998</v>
      </c>
      <c r="BM19" s="17">
        <v>2.1269300000000002</v>
      </c>
      <c r="BN19" s="17">
        <v>2.8164600000000002</v>
      </c>
      <c r="BO19" s="17">
        <v>3.0324399999999998</v>
      </c>
      <c r="BP19" s="17">
        <v>2.28077</v>
      </c>
      <c r="BQ19" s="17">
        <v>2.6988599999999998</v>
      </c>
      <c r="BR19" s="17">
        <v>2.7583199999999999</v>
      </c>
      <c r="BS19" s="17">
        <v>2.8523499999999999</v>
      </c>
      <c r="BT19" s="17">
        <v>2.3103600000000002</v>
      </c>
      <c r="BU19" s="17">
        <v>2.31569</v>
      </c>
      <c r="BV19" s="17">
        <v>2.6572200000000001</v>
      </c>
      <c r="BW19" s="17">
        <v>1.91638</v>
      </c>
      <c r="BX19" s="17">
        <v>2.49884</v>
      </c>
      <c r="BY19" s="17">
        <v>2.3833700000000002</v>
      </c>
      <c r="BZ19" s="17">
        <v>2.5043700000000002</v>
      </c>
      <c r="CA19" s="17">
        <v>2.5828199999999999</v>
      </c>
      <c r="CB19" s="17">
        <v>1.5758399999999999</v>
      </c>
      <c r="CC19" s="17">
        <v>2.6523300000000001</v>
      </c>
      <c r="CD19" s="17">
        <v>2.0202</v>
      </c>
      <c r="CE19" s="17">
        <v>2.2104300000000001</v>
      </c>
      <c r="CF19" s="17">
        <v>1.62514</v>
      </c>
      <c r="CG19" s="17">
        <v>1.1080300000000001</v>
      </c>
      <c r="CH19" s="17">
        <v>1.9316500000000001</v>
      </c>
      <c r="CI19" s="17">
        <v>1.3011200000000001</v>
      </c>
      <c r="CJ19" s="17">
        <v>0.70921999999999996</v>
      </c>
      <c r="CK19" s="17">
        <v>1.0563400000000001</v>
      </c>
      <c r="CL19" s="17">
        <v>0.53190999999999999</v>
      </c>
      <c r="CM19" s="17">
        <v>2.0270299999999999</v>
      </c>
      <c r="CN19" s="17">
        <v>0.73529</v>
      </c>
      <c r="CO19" s="17">
        <v>0.47847000000000001</v>
      </c>
      <c r="CP19" s="17">
        <v>30.578340000000001</v>
      </c>
      <c r="CQ19" s="17">
        <v>2.80884</v>
      </c>
      <c r="CR19" s="17">
        <v>2.2792699999999999</v>
      </c>
      <c r="CS19" s="17">
        <v>1.95749</v>
      </c>
      <c r="CT19" s="17">
        <v>21.88184</v>
      </c>
    </row>
    <row r="20" spans="1:98" x14ac:dyDescent="0.15">
      <c r="A20" s="18" t="s">
        <v>193</v>
      </c>
      <c r="B20" s="18" t="s">
        <v>192</v>
      </c>
      <c r="C20" s="18" t="s">
        <v>153</v>
      </c>
      <c r="D20" s="18" t="s">
        <v>9</v>
      </c>
      <c r="E20" s="18" t="s">
        <v>4</v>
      </c>
      <c r="F20" s="18" t="s">
        <v>156</v>
      </c>
      <c r="G20" s="17">
        <v>56.830629999999999</v>
      </c>
      <c r="H20" s="17">
        <v>0</v>
      </c>
      <c r="I20" s="17">
        <v>0</v>
      </c>
      <c r="J20" s="17">
        <v>0.10246</v>
      </c>
      <c r="K20" s="17">
        <v>0.59848000000000001</v>
      </c>
      <c r="L20" s="17">
        <v>0.68493000000000004</v>
      </c>
      <c r="M20" s="17">
        <v>2.4826800000000002</v>
      </c>
      <c r="N20" s="17">
        <v>3.67483</v>
      </c>
      <c r="O20" s="17">
        <v>5.78559</v>
      </c>
      <c r="P20" s="17">
        <v>9.4246599999999994</v>
      </c>
      <c r="Q20" s="17">
        <v>14.88636</v>
      </c>
      <c r="R20" s="17">
        <v>22.874379999999999</v>
      </c>
      <c r="S20" s="17">
        <v>31.073139999999999</v>
      </c>
      <c r="T20" s="17">
        <v>41.679960000000001</v>
      </c>
      <c r="U20" s="17">
        <v>45.185560000000002</v>
      </c>
      <c r="V20" s="17">
        <v>51.895040000000002</v>
      </c>
      <c r="W20" s="17">
        <v>56.197960000000002</v>
      </c>
      <c r="X20" s="17">
        <v>60.781610000000001</v>
      </c>
      <c r="Y20" s="17">
        <v>64.007509999999996</v>
      </c>
      <c r="Z20" s="17">
        <v>66.044290000000004</v>
      </c>
      <c r="AA20" s="17">
        <v>67.273520000000005</v>
      </c>
      <c r="AB20" s="17">
        <v>68.83278</v>
      </c>
      <c r="AC20" s="17">
        <v>70.739419999999996</v>
      </c>
      <c r="AD20" s="17">
        <v>71.455719999999999</v>
      </c>
      <c r="AE20" s="17">
        <v>73.163740000000004</v>
      </c>
      <c r="AF20" s="17">
        <v>73.303629999999998</v>
      </c>
      <c r="AG20" s="17">
        <v>73.08878</v>
      </c>
      <c r="AH20" s="17">
        <v>73.928569999999993</v>
      </c>
      <c r="AI20" s="17">
        <v>74.014129999999994</v>
      </c>
      <c r="AJ20" s="17">
        <v>74.190669999999997</v>
      </c>
      <c r="AK20" s="17">
        <v>73.868250000000003</v>
      </c>
      <c r="AL20" s="17">
        <v>73.971190000000007</v>
      </c>
      <c r="AM20" s="17">
        <v>74.705070000000006</v>
      </c>
      <c r="AN20" s="17">
        <v>75.043809999999993</v>
      </c>
      <c r="AO20" s="17">
        <v>75.087599999999995</v>
      </c>
      <c r="AP20" s="17">
        <v>75.079580000000007</v>
      </c>
      <c r="AQ20" s="17">
        <v>75.72569</v>
      </c>
      <c r="AR20" s="17">
        <v>77.231260000000006</v>
      </c>
      <c r="AS20" s="17">
        <v>77.004720000000006</v>
      </c>
      <c r="AT20" s="17">
        <v>78.584069999999997</v>
      </c>
      <c r="AU20" s="17">
        <v>77.370519999999999</v>
      </c>
      <c r="AV20" s="17">
        <v>78.109660000000005</v>
      </c>
      <c r="AW20" s="17">
        <v>79.151520000000005</v>
      </c>
      <c r="AX20" s="17">
        <v>79.791229999999999</v>
      </c>
      <c r="AY20" s="17">
        <v>80.525639999999996</v>
      </c>
      <c r="AZ20" s="17">
        <v>80</v>
      </c>
      <c r="BA20" s="17">
        <v>79.624170000000007</v>
      </c>
      <c r="BB20" s="17">
        <v>79.238749999999996</v>
      </c>
      <c r="BC20" s="17">
        <v>79.222570000000005</v>
      </c>
      <c r="BD20" s="17">
        <v>77.280609999999996</v>
      </c>
      <c r="BE20" s="17">
        <v>76.825710000000001</v>
      </c>
      <c r="BF20" s="17">
        <v>76.412430000000001</v>
      </c>
      <c r="BG20" s="17">
        <v>74.84375</v>
      </c>
      <c r="BH20" s="17">
        <v>71.428569999999993</v>
      </c>
      <c r="BI20" s="17">
        <v>72.905479999999997</v>
      </c>
      <c r="BJ20" s="17">
        <v>70.439959999999999</v>
      </c>
      <c r="BK20" s="17">
        <v>70.541989999999998</v>
      </c>
      <c r="BL20" s="17">
        <v>67.103620000000006</v>
      </c>
      <c r="BM20" s="17">
        <v>67.375640000000004</v>
      </c>
      <c r="BN20" s="17">
        <v>63.037970000000001</v>
      </c>
      <c r="BO20" s="17">
        <v>59.62623</v>
      </c>
      <c r="BP20" s="17">
        <v>57.530479999999997</v>
      </c>
      <c r="BQ20" s="17">
        <v>53.598480000000002</v>
      </c>
      <c r="BR20" s="17">
        <v>53.502630000000003</v>
      </c>
      <c r="BS20" s="17">
        <v>48.196309999999997</v>
      </c>
      <c r="BT20" s="17">
        <v>43.434730000000002</v>
      </c>
      <c r="BU20" s="17">
        <v>43.100189999999998</v>
      </c>
      <c r="BV20" s="17">
        <v>36.448180000000001</v>
      </c>
      <c r="BW20" s="17">
        <v>32.665509999999998</v>
      </c>
      <c r="BX20" s="17">
        <v>29.754740000000002</v>
      </c>
      <c r="BY20" s="17">
        <v>26.825559999999999</v>
      </c>
      <c r="BZ20" s="17">
        <v>22.07338</v>
      </c>
      <c r="CA20" s="17">
        <v>19.76418</v>
      </c>
      <c r="CB20" s="17">
        <v>15.10177</v>
      </c>
      <c r="CC20" s="17">
        <v>14.69534</v>
      </c>
      <c r="CD20" s="17">
        <v>11.11111</v>
      </c>
      <c r="CE20" s="17">
        <v>9.3722399999999997</v>
      </c>
      <c r="CF20" s="17">
        <v>5.8504899999999997</v>
      </c>
      <c r="CG20" s="17">
        <v>5.1246499999999999</v>
      </c>
      <c r="CH20" s="17">
        <v>3.1203599999999998</v>
      </c>
      <c r="CI20" s="17">
        <v>3.34572</v>
      </c>
      <c r="CJ20" s="17">
        <v>3.0732900000000001</v>
      </c>
      <c r="CK20" s="17">
        <v>1.40845</v>
      </c>
      <c r="CL20" s="17">
        <v>2.1276600000000001</v>
      </c>
      <c r="CM20" s="17">
        <v>2.7027000000000001</v>
      </c>
      <c r="CN20" s="17">
        <v>0</v>
      </c>
      <c r="CO20" s="17">
        <v>1.4354100000000001</v>
      </c>
      <c r="CP20" s="17">
        <v>60.808300000000003</v>
      </c>
      <c r="CQ20" s="17">
        <v>49.743180000000002</v>
      </c>
      <c r="CR20" s="17">
        <v>31.630400000000002</v>
      </c>
      <c r="CS20" s="17">
        <v>12.02783</v>
      </c>
      <c r="CT20" s="17">
        <v>66.920349999999999</v>
      </c>
    </row>
    <row r="21" spans="1:98" x14ac:dyDescent="0.15">
      <c r="A21" s="18" t="s">
        <v>193</v>
      </c>
      <c r="B21" s="18" t="s">
        <v>192</v>
      </c>
      <c r="C21" s="18" t="s">
        <v>153</v>
      </c>
      <c r="D21" s="18" t="s">
        <v>9</v>
      </c>
      <c r="E21" s="18" t="s">
        <v>4</v>
      </c>
      <c r="F21" s="18" t="s">
        <v>155</v>
      </c>
      <c r="G21" s="17">
        <v>16.609690000000001</v>
      </c>
      <c r="H21" s="17">
        <v>0</v>
      </c>
      <c r="I21" s="17">
        <v>0</v>
      </c>
      <c r="J21" s="17">
        <v>0</v>
      </c>
      <c r="K21" s="17">
        <v>5.441E-2</v>
      </c>
      <c r="L21" s="17">
        <v>0</v>
      </c>
      <c r="M21" s="17">
        <v>5.774E-2</v>
      </c>
      <c r="N21" s="17">
        <v>5.568E-2</v>
      </c>
      <c r="O21" s="17">
        <v>5.672E-2</v>
      </c>
      <c r="P21" s="17">
        <v>0</v>
      </c>
      <c r="Q21" s="17">
        <v>5.6820000000000002E-2</v>
      </c>
      <c r="R21" s="17">
        <v>5.4850000000000003E-2</v>
      </c>
      <c r="S21" s="17">
        <v>0</v>
      </c>
      <c r="T21" s="17">
        <v>0</v>
      </c>
      <c r="U21" s="17">
        <v>0.1003</v>
      </c>
      <c r="V21" s="17">
        <v>4.8590000000000001E-2</v>
      </c>
      <c r="W21" s="17">
        <v>4.6249999999999999E-2</v>
      </c>
      <c r="X21" s="17">
        <v>4.598E-2</v>
      </c>
      <c r="Y21" s="17">
        <v>4.6929999999999999E-2</v>
      </c>
      <c r="Z21" s="17">
        <v>0.17369000000000001</v>
      </c>
      <c r="AA21" s="17">
        <v>0.30342000000000002</v>
      </c>
      <c r="AB21" s="17">
        <v>0.12417</v>
      </c>
      <c r="AC21" s="17">
        <v>0.23724999999999999</v>
      </c>
      <c r="AD21" s="17">
        <v>0.26606000000000002</v>
      </c>
      <c r="AE21" s="17">
        <v>0.21498</v>
      </c>
      <c r="AF21" s="17">
        <v>0.54832000000000003</v>
      </c>
      <c r="AG21" s="17">
        <v>0.55486999999999997</v>
      </c>
      <c r="AH21" s="17">
        <v>0.44642999999999999</v>
      </c>
      <c r="AI21" s="17">
        <v>0.70630000000000004</v>
      </c>
      <c r="AJ21" s="17">
        <v>0.62370000000000003</v>
      </c>
      <c r="AK21" s="17">
        <v>0.62441000000000002</v>
      </c>
      <c r="AL21" s="17">
        <v>0.72016000000000002</v>
      </c>
      <c r="AM21" s="17">
        <v>1.1450400000000001</v>
      </c>
      <c r="AN21" s="17">
        <v>1.3669800000000001</v>
      </c>
      <c r="AO21" s="17">
        <v>1.7869699999999999</v>
      </c>
      <c r="AP21" s="17">
        <v>1.7280599999999999</v>
      </c>
      <c r="AQ21" s="17">
        <v>2.2133500000000002</v>
      </c>
      <c r="AR21" s="17">
        <v>2.41967</v>
      </c>
      <c r="AS21" s="17">
        <v>2.6729599999999998</v>
      </c>
      <c r="AT21" s="17">
        <v>2.92035</v>
      </c>
      <c r="AU21" s="17">
        <v>3.8247</v>
      </c>
      <c r="AV21" s="17">
        <v>4.3780700000000001</v>
      </c>
      <c r="AW21" s="17">
        <v>4.6868699999999999</v>
      </c>
      <c r="AX21" s="17">
        <v>5.5532399999999997</v>
      </c>
      <c r="AY21" s="17">
        <v>4.9547600000000003</v>
      </c>
      <c r="AZ21" s="17">
        <v>6.1507100000000001</v>
      </c>
      <c r="BA21" s="17">
        <v>7.4428900000000002</v>
      </c>
      <c r="BB21" s="17">
        <v>7.9200299999999997</v>
      </c>
      <c r="BC21" s="17">
        <v>8.6343300000000003</v>
      </c>
      <c r="BD21" s="17">
        <v>10.57926</v>
      </c>
      <c r="BE21" s="17">
        <v>10.386240000000001</v>
      </c>
      <c r="BF21" s="17">
        <v>12.146890000000001</v>
      </c>
      <c r="BG21" s="17">
        <v>13.88021</v>
      </c>
      <c r="BH21" s="17">
        <v>15.39626</v>
      </c>
      <c r="BI21" s="17">
        <v>16.452739999999999</v>
      </c>
      <c r="BJ21" s="17">
        <v>19.01925</v>
      </c>
      <c r="BK21" s="17">
        <v>19.362850000000002</v>
      </c>
      <c r="BL21" s="17">
        <v>21.69164</v>
      </c>
      <c r="BM21" s="17">
        <v>24.768439999999998</v>
      </c>
      <c r="BN21" s="17">
        <v>28.164560000000002</v>
      </c>
      <c r="BO21" s="17">
        <v>31.629059999999999</v>
      </c>
      <c r="BP21" s="17">
        <v>35.155329999999999</v>
      </c>
      <c r="BQ21" s="17">
        <v>38.494320000000002</v>
      </c>
      <c r="BR21" s="17">
        <v>39.054290000000002</v>
      </c>
      <c r="BS21" s="17">
        <v>45.385910000000003</v>
      </c>
      <c r="BT21" s="17">
        <v>51.32846</v>
      </c>
      <c r="BU21" s="17">
        <v>50.33081</v>
      </c>
      <c r="BV21" s="17">
        <v>56.908769999999997</v>
      </c>
      <c r="BW21" s="17">
        <v>62.630659999999999</v>
      </c>
      <c r="BX21" s="17">
        <v>65.201300000000003</v>
      </c>
      <c r="BY21" s="17">
        <v>67.799189999999996</v>
      </c>
      <c r="BZ21" s="17">
        <v>73.209090000000003</v>
      </c>
      <c r="CA21" s="17">
        <v>75.182479999999998</v>
      </c>
      <c r="CB21" s="17">
        <v>80.039400000000001</v>
      </c>
      <c r="CC21" s="17">
        <v>80.143370000000004</v>
      </c>
      <c r="CD21" s="17">
        <v>84.926180000000002</v>
      </c>
      <c r="CE21" s="17">
        <v>86.38373</v>
      </c>
      <c r="CF21" s="17">
        <v>90.682559999999995</v>
      </c>
      <c r="CG21" s="17">
        <v>92.797780000000003</v>
      </c>
      <c r="CH21" s="17">
        <v>93.164929999999998</v>
      </c>
      <c r="CI21" s="17">
        <v>94.423789999999997</v>
      </c>
      <c r="CJ21" s="17">
        <v>94.562650000000005</v>
      </c>
      <c r="CK21" s="17">
        <v>95.774649999999994</v>
      </c>
      <c r="CL21" s="17">
        <v>96.808509999999998</v>
      </c>
      <c r="CM21" s="17">
        <v>92.567570000000003</v>
      </c>
      <c r="CN21" s="17">
        <v>98.529409999999999</v>
      </c>
      <c r="CO21" s="17">
        <v>97.129189999999994</v>
      </c>
      <c r="CP21" s="17">
        <v>2.1405699999999999</v>
      </c>
      <c r="CQ21" s="17">
        <v>42.390889999999999</v>
      </c>
      <c r="CR21" s="17">
        <v>62.906059999999997</v>
      </c>
      <c r="CS21" s="17">
        <v>83.904269999999997</v>
      </c>
      <c r="CT21" s="17">
        <v>4.0756399999999999</v>
      </c>
    </row>
    <row r="22" spans="1:98" x14ac:dyDescent="0.15">
      <c r="A22" s="18" t="s">
        <v>193</v>
      </c>
      <c r="B22" s="18" t="s">
        <v>192</v>
      </c>
      <c r="C22" s="18" t="s">
        <v>153</v>
      </c>
      <c r="D22" s="18" t="s">
        <v>9</v>
      </c>
      <c r="E22" s="18" t="s">
        <v>4</v>
      </c>
      <c r="F22" s="18" t="s">
        <v>154</v>
      </c>
      <c r="G22" s="17">
        <v>5.96387</v>
      </c>
      <c r="H22" s="17">
        <v>0</v>
      </c>
      <c r="I22" s="17">
        <v>0</v>
      </c>
      <c r="J22" s="17">
        <v>0</v>
      </c>
      <c r="K22" s="17">
        <v>0.10881</v>
      </c>
      <c r="L22" s="17">
        <v>5.7079999999999999E-2</v>
      </c>
      <c r="M22" s="17">
        <v>0.23094999999999999</v>
      </c>
      <c r="N22" s="17">
        <v>0.38976</v>
      </c>
      <c r="O22" s="17">
        <v>0.51049</v>
      </c>
      <c r="P22" s="17">
        <v>0.43836000000000003</v>
      </c>
      <c r="Q22" s="17">
        <v>0.68181999999999998</v>
      </c>
      <c r="R22" s="17">
        <v>1.48108</v>
      </c>
      <c r="S22" s="17">
        <v>1.8152699999999999</v>
      </c>
      <c r="T22" s="17">
        <v>1.6480600000000001</v>
      </c>
      <c r="U22" s="17">
        <v>2.1063200000000002</v>
      </c>
      <c r="V22" s="17">
        <v>2.86686</v>
      </c>
      <c r="W22" s="17">
        <v>3.7465299999999999</v>
      </c>
      <c r="X22" s="17">
        <v>3.7241399999999998</v>
      </c>
      <c r="Y22" s="17">
        <v>3.98874</v>
      </c>
      <c r="Z22" s="17">
        <v>4.3421599999999998</v>
      </c>
      <c r="AA22" s="17">
        <v>4.9414800000000003</v>
      </c>
      <c r="AB22" s="17">
        <v>5.4221899999999996</v>
      </c>
      <c r="AC22" s="17">
        <v>5.8916599999999999</v>
      </c>
      <c r="AD22" s="17">
        <v>6.4994300000000003</v>
      </c>
      <c r="AE22" s="17">
        <v>6.1626700000000003</v>
      </c>
      <c r="AF22" s="17">
        <v>6.7169299999999996</v>
      </c>
      <c r="AG22" s="17">
        <v>7.5523999999999996</v>
      </c>
      <c r="AH22" s="17">
        <v>7.8273799999999998</v>
      </c>
      <c r="AI22" s="17">
        <v>8.0341400000000007</v>
      </c>
      <c r="AJ22" s="17">
        <v>9.0585100000000001</v>
      </c>
      <c r="AK22" s="17">
        <v>9.3350000000000009</v>
      </c>
      <c r="AL22" s="17">
        <v>10.15089</v>
      </c>
      <c r="AM22" s="17">
        <v>9.6460799999999995</v>
      </c>
      <c r="AN22" s="17">
        <v>10.19979</v>
      </c>
      <c r="AO22" s="17">
        <v>9.9159100000000002</v>
      </c>
      <c r="AP22" s="17">
        <v>10.32287</v>
      </c>
      <c r="AQ22" s="17">
        <v>10.885339999999999</v>
      </c>
      <c r="AR22" s="17">
        <v>10.313370000000001</v>
      </c>
      <c r="AS22" s="17">
        <v>10.29874</v>
      </c>
      <c r="AT22" s="17">
        <v>9.1150400000000005</v>
      </c>
      <c r="AU22" s="17">
        <v>10.99602</v>
      </c>
      <c r="AV22" s="17">
        <v>9.9427199999999996</v>
      </c>
      <c r="AW22" s="17">
        <v>8.9292899999999999</v>
      </c>
      <c r="AX22" s="17">
        <v>8.7682699999999993</v>
      </c>
      <c r="AY22" s="17">
        <v>8.7893100000000004</v>
      </c>
      <c r="AZ22" s="17">
        <v>8.2281099999999991</v>
      </c>
      <c r="BA22" s="17">
        <v>8.5482700000000005</v>
      </c>
      <c r="BB22" s="17">
        <v>8.6889699999999994</v>
      </c>
      <c r="BC22" s="17">
        <v>7.9463400000000002</v>
      </c>
      <c r="BD22" s="17">
        <v>8.2205999999999992</v>
      </c>
      <c r="BE22" s="17">
        <v>8.8607600000000009</v>
      </c>
      <c r="BF22" s="17">
        <v>7.9096000000000002</v>
      </c>
      <c r="BG22" s="17">
        <v>7.5</v>
      </c>
      <c r="BH22" s="17">
        <v>8.8843999999999994</v>
      </c>
      <c r="BI22" s="17">
        <v>7.2812099999999997</v>
      </c>
      <c r="BJ22" s="17">
        <v>7.2410600000000001</v>
      </c>
      <c r="BK22" s="17">
        <v>6.2474100000000004</v>
      </c>
      <c r="BL22" s="17">
        <v>7.7091099999999999</v>
      </c>
      <c r="BM22" s="17">
        <v>5.7289899999999996</v>
      </c>
      <c r="BN22" s="17">
        <v>5.9810100000000004</v>
      </c>
      <c r="BO22" s="17">
        <v>5.7122700000000002</v>
      </c>
      <c r="BP22" s="17">
        <v>5.0334300000000001</v>
      </c>
      <c r="BQ22" s="17">
        <v>5.2083300000000001</v>
      </c>
      <c r="BR22" s="17">
        <v>4.6847599999999998</v>
      </c>
      <c r="BS22" s="17">
        <v>3.5654400000000002</v>
      </c>
      <c r="BT22" s="17">
        <v>2.92645</v>
      </c>
      <c r="BU22" s="17">
        <v>4.2533099999999999</v>
      </c>
      <c r="BV22" s="17">
        <v>3.98583</v>
      </c>
      <c r="BW22" s="17">
        <v>2.7874599999999998</v>
      </c>
      <c r="BX22" s="17">
        <v>2.5451199999999998</v>
      </c>
      <c r="BY22" s="17">
        <v>2.9918900000000002</v>
      </c>
      <c r="BZ22" s="17">
        <v>2.2131599999999998</v>
      </c>
      <c r="CA22" s="17">
        <v>2.47052</v>
      </c>
      <c r="CB22" s="17">
        <v>3.2829899999999999</v>
      </c>
      <c r="CC22" s="17">
        <v>2.5089600000000001</v>
      </c>
      <c r="CD22" s="17">
        <v>1.9424999999999999</v>
      </c>
      <c r="CE22" s="17">
        <v>2.0335999999999999</v>
      </c>
      <c r="CF22" s="17">
        <v>1.84182</v>
      </c>
      <c r="CG22" s="17">
        <v>0.96953</v>
      </c>
      <c r="CH22" s="17">
        <v>1.7830600000000001</v>
      </c>
      <c r="CI22" s="17">
        <v>0.92937000000000003</v>
      </c>
      <c r="CJ22" s="17">
        <v>1.6548499999999999</v>
      </c>
      <c r="CK22" s="17">
        <v>1.7605599999999999</v>
      </c>
      <c r="CL22" s="17">
        <v>0.53190999999999999</v>
      </c>
      <c r="CM22" s="17">
        <v>2.7027000000000001</v>
      </c>
      <c r="CN22" s="17">
        <v>0.73529</v>
      </c>
      <c r="CO22" s="17">
        <v>0.95694000000000001</v>
      </c>
      <c r="CP22" s="17">
        <v>6.4727899999999998</v>
      </c>
      <c r="CQ22" s="17">
        <v>5.0570899999999996</v>
      </c>
      <c r="CR22" s="17">
        <v>3.1842700000000002</v>
      </c>
      <c r="CS22" s="17">
        <v>2.1104099999999999</v>
      </c>
      <c r="CT22" s="17">
        <v>7.1221699999999997</v>
      </c>
    </row>
    <row r="23" spans="1:98" x14ac:dyDescent="0.15">
      <c r="A23" s="18" t="s">
        <v>193</v>
      </c>
      <c r="B23" s="18" t="s">
        <v>192</v>
      </c>
      <c r="C23" s="18" t="s">
        <v>153</v>
      </c>
      <c r="D23" s="18" t="s">
        <v>8</v>
      </c>
      <c r="E23" s="18" t="s">
        <v>3</v>
      </c>
      <c r="F23" s="18" t="s">
        <v>157</v>
      </c>
      <c r="G23" s="17">
        <v>25.581579999999999</v>
      </c>
      <c r="H23" s="17">
        <v>100</v>
      </c>
      <c r="I23" s="17">
        <v>100</v>
      </c>
      <c r="J23" s="17">
        <v>99.876080000000002</v>
      </c>
      <c r="K23" s="17">
        <v>99.528549999999996</v>
      </c>
      <c r="L23" s="17">
        <v>99.124250000000004</v>
      </c>
      <c r="M23" s="17">
        <v>97.973330000000004</v>
      </c>
      <c r="N23" s="17">
        <v>96.889619999999994</v>
      </c>
      <c r="O23" s="17">
        <v>95.368830000000003</v>
      </c>
      <c r="P23" s="17">
        <v>92.778989999999993</v>
      </c>
      <c r="Q23" s="17">
        <v>88.212289999999996</v>
      </c>
      <c r="R23" s="17">
        <v>82.031880000000001</v>
      </c>
      <c r="S23" s="17">
        <v>73.211449999999999</v>
      </c>
      <c r="T23" s="17">
        <v>65.783320000000003</v>
      </c>
      <c r="U23" s="17">
        <v>60.866280000000003</v>
      </c>
      <c r="V23" s="17">
        <v>53.825859999999999</v>
      </c>
      <c r="W23" s="17">
        <v>47.577809999999999</v>
      </c>
      <c r="X23" s="17">
        <v>43.454549999999998</v>
      </c>
      <c r="Y23" s="17">
        <v>40.172490000000003</v>
      </c>
      <c r="Z23" s="17">
        <v>36.625509999999998</v>
      </c>
      <c r="AA23" s="17">
        <v>36.186509999999998</v>
      </c>
      <c r="AB23" s="17">
        <v>33.037559999999999</v>
      </c>
      <c r="AC23" s="17">
        <v>30.554459999999999</v>
      </c>
      <c r="AD23" s="17">
        <v>29.468509999999998</v>
      </c>
      <c r="AE23" s="17">
        <v>27.734380000000002</v>
      </c>
      <c r="AF23" s="17">
        <v>27.1158</v>
      </c>
      <c r="AG23" s="17">
        <v>25.610510000000001</v>
      </c>
      <c r="AH23" s="17">
        <v>23.96987</v>
      </c>
      <c r="AI23" s="17">
        <v>22.616959999999999</v>
      </c>
      <c r="AJ23" s="17">
        <v>23.089259999999999</v>
      </c>
      <c r="AK23" s="17">
        <v>22.94697</v>
      </c>
      <c r="AL23" s="17">
        <v>22.101929999999999</v>
      </c>
      <c r="AM23" s="17">
        <v>21.43336</v>
      </c>
      <c r="AN23" s="17">
        <v>19.768260000000001</v>
      </c>
      <c r="AO23" s="17">
        <v>18.653680000000001</v>
      </c>
      <c r="AP23" s="17">
        <v>18.653449999999999</v>
      </c>
      <c r="AQ23" s="17">
        <v>16.028839999999999</v>
      </c>
      <c r="AR23" s="17">
        <v>14.987080000000001</v>
      </c>
      <c r="AS23" s="17">
        <v>14.623659999999999</v>
      </c>
      <c r="AT23" s="17">
        <v>14.93749</v>
      </c>
      <c r="AU23" s="17">
        <v>12.63485</v>
      </c>
      <c r="AV23" s="17">
        <v>12.45096</v>
      </c>
      <c r="AW23" s="17">
        <v>11.57503</v>
      </c>
      <c r="AX23" s="17">
        <v>10.48147</v>
      </c>
      <c r="AY23" s="17">
        <v>10.133509999999999</v>
      </c>
      <c r="AZ23" s="17">
        <v>9.0300999999999991</v>
      </c>
      <c r="BA23" s="17">
        <v>8.2532499999999995</v>
      </c>
      <c r="BB23" s="17">
        <v>8.3945799999999995</v>
      </c>
      <c r="BC23" s="17">
        <v>8.6871600000000004</v>
      </c>
      <c r="BD23" s="17">
        <v>8.3347999999999995</v>
      </c>
      <c r="BE23" s="17">
        <v>7.2431900000000002</v>
      </c>
      <c r="BF23" s="17">
        <v>6.87784</v>
      </c>
      <c r="BG23" s="17">
        <v>6.1352099999999998</v>
      </c>
      <c r="BH23" s="17">
        <v>5.9905400000000002</v>
      </c>
      <c r="BI23" s="17">
        <v>4.8252100000000002</v>
      </c>
      <c r="BJ23" s="17">
        <v>4.7078699999999998</v>
      </c>
      <c r="BK23" s="17">
        <v>4.4014100000000003</v>
      </c>
      <c r="BL23" s="17">
        <v>3.9735100000000001</v>
      </c>
      <c r="BM23" s="17">
        <v>2.6335299999999999</v>
      </c>
      <c r="BN23" s="17">
        <v>3.1975199999999999</v>
      </c>
      <c r="BO23" s="17">
        <v>3.0878399999999999</v>
      </c>
      <c r="BP23" s="17">
        <v>2.2098300000000002</v>
      </c>
      <c r="BQ23" s="17">
        <v>2.28809</v>
      </c>
      <c r="BR23" s="17">
        <v>2.35988</v>
      </c>
      <c r="BS23" s="17">
        <v>2.4489800000000002</v>
      </c>
      <c r="BT23" s="17">
        <v>2.1753900000000002</v>
      </c>
      <c r="BU23" s="17">
        <v>1.9521599999999999</v>
      </c>
      <c r="BV23" s="17">
        <v>2.1390400000000001</v>
      </c>
      <c r="BW23" s="17">
        <v>1.68387</v>
      </c>
      <c r="BX23" s="17">
        <v>2.1339700000000001</v>
      </c>
      <c r="BY23" s="17">
        <v>2.1066099999999999</v>
      </c>
      <c r="BZ23" s="17">
        <v>1.8663700000000001</v>
      </c>
      <c r="CA23" s="17">
        <v>2.0817600000000001</v>
      </c>
      <c r="CB23" s="17">
        <v>1.3973800000000001</v>
      </c>
      <c r="CC23" s="17">
        <v>2.1411199999999999</v>
      </c>
      <c r="CD23" s="17">
        <v>1.57694</v>
      </c>
      <c r="CE23" s="17">
        <v>1.7521100000000001</v>
      </c>
      <c r="CF23" s="17">
        <v>1.3513500000000001</v>
      </c>
      <c r="CG23" s="17">
        <v>1.0752699999999999</v>
      </c>
      <c r="CH23" s="17">
        <v>1.68675</v>
      </c>
      <c r="CI23" s="17">
        <v>1.2030099999999999</v>
      </c>
      <c r="CJ23" s="17">
        <v>0.56818000000000002</v>
      </c>
      <c r="CK23" s="17">
        <v>0.89551999999999998</v>
      </c>
      <c r="CL23" s="17">
        <v>0.44247999999999998</v>
      </c>
      <c r="CM23" s="17">
        <v>1.63934</v>
      </c>
      <c r="CN23" s="17">
        <v>0.65788999999999997</v>
      </c>
      <c r="CO23" s="17">
        <v>0.41493999999999998</v>
      </c>
      <c r="CP23" s="17">
        <v>36.32855</v>
      </c>
      <c r="CQ23" s="17">
        <v>3.41005</v>
      </c>
      <c r="CR23" s="17">
        <v>1.9855400000000001</v>
      </c>
      <c r="CS23" s="17">
        <v>1.62009</v>
      </c>
      <c r="CT23" s="17">
        <v>27.503720000000001</v>
      </c>
    </row>
    <row r="24" spans="1:98" x14ac:dyDescent="0.15">
      <c r="A24" s="18" t="s">
        <v>193</v>
      </c>
      <c r="B24" s="18" t="s">
        <v>192</v>
      </c>
      <c r="C24" s="18" t="s">
        <v>153</v>
      </c>
      <c r="D24" s="18" t="s">
        <v>8</v>
      </c>
      <c r="E24" s="18" t="s">
        <v>3</v>
      </c>
      <c r="F24" s="18" t="s">
        <v>156</v>
      </c>
      <c r="G24" s="17">
        <v>59.099539999999998</v>
      </c>
      <c r="H24" s="17">
        <v>0</v>
      </c>
      <c r="I24" s="17">
        <v>0</v>
      </c>
      <c r="J24" s="17">
        <v>0.12392</v>
      </c>
      <c r="K24" s="17">
        <v>0.39288000000000001</v>
      </c>
      <c r="L24" s="17">
        <v>0.82101999999999997</v>
      </c>
      <c r="M24" s="17">
        <v>1.84</v>
      </c>
      <c r="N24" s="17">
        <v>2.8901699999999999</v>
      </c>
      <c r="O24" s="17">
        <v>4.2706600000000003</v>
      </c>
      <c r="P24" s="17">
        <v>6.9201300000000003</v>
      </c>
      <c r="Q24" s="17">
        <v>11.25698</v>
      </c>
      <c r="R24" s="17">
        <v>16.887329999999999</v>
      </c>
      <c r="S24" s="17">
        <v>25.463699999999999</v>
      </c>
      <c r="T24" s="17">
        <v>33.021560000000001</v>
      </c>
      <c r="U24" s="17">
        <v>37.597580000000001</v>
      </c>
      <c r="V24" s="17">
        <v>44.135280000000002</v>
      </c>
      <c r="W24" s="17">
        <v>49.824480000000001</v>
      </c>
      <c r="X24" s="17">
        <v>53.636360000000003</v>
      </c>
      <c r="Y24" s="17">
        <v>56.854289999999999</v>
      </c>
      <c r="Z24" s="17">
        <v>60.212260000000001</v>
      </c>
      <c r="AA24" s="17">
        <v>59.741680000000002</v>
      </c>
      <c r="AB24" s="17">
        <v>62.608339999999998</v>
      </c>
      <c r="AC24" s="17">
        <v>64.942980000000006</v>
      </c>
      <c r="AD24" s="17">
        <v>65.671639999999996</v>
      </c>
      <c r="AE24" s="17">
        <v>67.542609999999996</v>
      </c>
      <c r="AF24" s="17">
        <v>67.722470000000001</v>
      </c>
      <c r="AG24" s="17">
        <v>68.469859999999997</v>
      </c>
      <c r="AH24" s="17">
        <v>69.827200000000005</v>
      </c>
      <c r="AI24" s="17">
        <v>70.687129999999996</v>
      </c>
      <c r="AJ24" s="17">
        <v>69.544920000000005</v>
      </c>
      <c r="AK24" s="17">
        <v>69.513530000000003</v>
      </c>
      <c r="AL24" s="17">
        <v>69.703530000000001</v>
      </c>
      <c r="AM24" s="17">
        <v>70.026790000000005</v>
      </c>
      <c r="AN24" s="17">
        <v>71.22542</v>
      </c>
      <c r="AO24" s="17">
        <v>72.435779999999994</v>
      </c>
      <c r="AP24" s="17">
        <v>71.685500000000005</v>
      </c>
      <c r="AQ24" s="17">
        <v>73.8399</v>
      </c>
      <c r="AR24" s="17">
        <v>74.975149999999999</v>
      </c>
      <c r="AS24" s="17">
        <v>75.425219999999996</v>
      </c>
      <c r="AT24" s="17">
        <v>75.586749999999995</v>
      </c>
      <c r="AU24" s="17">
        <v>75.539420000000007</v>
      </c>
      <c r="AV24" s="17">
        <v>76.811890000000005</v>
      </c>
      <c r="AW24" s="17">
        <v>77.242660000000001</v>
      </c>
      <c r="AX24" s="17">
        <v>78.483170000000001</v>
      </c>
      <c r="AY24" s="17">
        <v>78.79186</v>
      </c>
      <c r="AZ24" s="17">
        <v>79.473240000000004</v>
      </c>
      <c r="BA24" s="17">
        <v>79.555300000000003</v>
      </c>
      <c r="BB24" s="17">
        <v>78.80077</v>
      </c>
      <c r="BC24" s="17">
        <v>77.669210000000007</v>
      </c>
      <c r="BD24" s="17">
        <v>77.585899999999995</v>
      </c>
      <c r="BE24" s="17">
        <v>77.796580000000006</v>
      </c>
      <c r="BF24" s="17">
        <v>77.797330000000002</v>
      </c>
      <c r="BG24" s="17">
        <v>77.668350000000004</v>
      </c>
      <c r="BH24" s="17">
        <v>76.300579999999997</v>
      </c>
      <c r="BI24" s="17">
        <v>77.683409999999995</v>
      </c>
      <c r="BJ24" s="17">
        <v>76.412360000000007</v>
      </c>
      <c r="BK24" s="17">
        <v>76.870599999999996</v>
      </c>
      <c r="BL24" s="17">
        <v>74.936319999999995</v>
      </c>
      <c r="BM24" s="17">
        <v>76.094210000000004</v>
      </c>
      <c r="BN24" s="17">
        <v>73.130480000000006</v>
      </c>
      <c r="BO24" s="17">
        <v>71.020330000000001</v>
      </c>
      <c r="BP24" s="17">
        <v>70.778800000000004</v>
      </c>
      <c r="BQ24" s="17">
        <v>68.070719999999994</v>
      </c>
      <c r="BR24" s="17">
        <v>66.297939999999997</v>
      </c>
      <c r="BS24" s="17">
        <v>63.313330000000001</v>
      </c>
      <c r="BT24" s="17">
        <v>60.707000000000001</v>
      </c>
      <c r="BU24" s="17">
        <v>59.444600000000001</v>
      </c>
      <c r="BV24" s="17">
        <v>55.267380000000003</v>
      </c>
      <c r="BW24" s="17">
        <v>50.054319999999997</v>
      </c>
      <c r="BX24" s="17">
        <v>47.095440000000004</v>
      </c>
      <c r="BY24" s="17">
        <v>46.153849999999998</v>
      </c>
      <c r="BZ24" s="17">
        <v>41.620010000000001</v>
      </c>
      <c r="CA24" s="17">
        <v>38.796370000000003</v>
      </c>
      <c r="CB24" s="17">
        <v>34.716160000000002</v>
      </c>
      <c r="CC24" s="17">
        <v>31.776160000000001</v>
      </c>
      <c r="CD24" s="17">
        <v>28.276240000000001</v>
      </c>
      <c r="CE24" s="17">
        <v>24.269950000000001</v>
      </c>
      <c r="CF24" s="17">
        <v>20.42925</v>
      </c>
      <c r="CG24" s="17">
        <v>17.634409999999999</v>
      </c>
      <c r="CH24" s="17">
        <v>13.132529999999999</v>
      </c>
      <c r="CI24" s="17">
        <v>12.63158</v>
      </c>
      <c r="CJ24" s="17">
        <v>11.93182</v>
      </c>
      <c r="CK24" s="17">
        <v>10.14925</v>
      </c>
      <c r="CL24" s="17">
        <v>8.4070800000000006</v>
      </c>
      <c r="CM24" s="17">
        <v>8.1967199999999991</v>
      </c>
      <c r="CN24" s="17">
        <v>1.9736800000000001</v>
      </c>
      <c r="CO24" s="17">
        <v>4.5643200000000004</v>
      </c>
      <c r="CP24" s="17">
        <v>57.120469999999997</v>
      </c>
      <c r="CQ24" s="17">
        <v>63.182429999999997</v>
      </c>
      <c r="CR24" s="17">
        <v>49.512369999999997</v>
      </c>
      <c r="CS24" s="17">
        <v>28.492989999999999</v>
      </c>
      <c r="CT24" s="17">
        <v>64.071560000000005</v>
      </c>
    </row>
    <row r="25" spans="1:98" x14ac:dyDescent="0.15">
      <c r="A25" s="18" t="s">
        <v>193</v>
      </c>
      <c r="B25" s="18" t="s">
        <v>192</v>
      </c>
      <c r="C25" s="18" t="s">
        <v>153</v>
      </c>
      <c r="D25" s="18" t="s">
        <v>8</v>
      </c>
      <c r="E25" s="18" t="s">
        <v>3</v>
      </c>
      <c r="F25" s="18" t="s">
        <v>155</v>
      </c>
      <c r="G25" s="17">
        <v>10.23865</v>
      </c>
      <c r="H25" s="17">
        <v>0</v>
      </c>
      <c r="I25" s="17">
        <v>0</v>
      </c>
      <c r="J25" s="17">
        <v>0</v>
      </c>
      <c r="K25" s="17">
        <v>2.6190000000000001E-2</v>
      </c>
      <c r="L25" s="17">
        <v>0</v>
      </c>
      <c r="M25" s="17">
        <v>2.6669999999999999E-2</v>
      </c>
      <c r="N25" s="17">
        <v>2.7529999999999999E-2</v>
      </c>
      <c r="O25" s="17">
        <v>2.7730000000000001E-2</v>
      </c>
      <c r="P25" s="17">
        <v>0</v>
      </c>
      <c r="Q25" s="17">
        <v>2.793E-2</v>
      </c>
      <c r="R25" s="17">
        <v>2.7019999999999999E-2</v>
      </c>
      <c r="S25" s="17">
        <v>2.6499999999999999E-2</v>
      </c>
      <c r="T25" s="17">
        <v>0</v>
      </c>
      <c r="U25" s="17">
        <v>5.0369999999999998E-2</v>
      </c>
      <c r="V25" s="17">
        <v>2.3990000000000001E-2</v>
      </c>
      <c r="W25" s="17">
        <v>2.3400000000000001E-2</v>
      </c>
      <c r="X25" s="17">
        <v>2.273E-2</v>
      </c>
      <c r="Y25" s="17">
        <v>2.2700000000000001E-2</v>
      </c>
      <c r="Z25" s="17">
        <v>6.4979999999999996E-2</v>
      </c>
      <c r="AA25" s="17">
        <v>0.15323999999999999</v>
      </c>
      <c r="AB25" s="17">
        <v>0.10317999999999999</v>
      </c>
      <c r="AC25" s="17">
        <v>9.8309999999999995E-2</v>
      </c>
      <c r="AD25" s="17">
        <v>0.18201999999999999</v>
      </c>
      <c r="AE25" s="17">
        <v>0.19531000000000001</v>
      </c>
      <c r="AF25" s="17">
        <v>0.28489999999999999</v>
      </c>
      <c r="AG25" s="17">
        <v>0.38640000000000002</v>
      </c>
      <c r="AH25" s="17">
        <v>0.26584000000000002</v>
      </c>
      <c r="AI25" s="17">
        <v>0.42398000000000002</v>
      </c>
      <c r="AJ25" s="17">
        <v>0.35005999999999998</v>
      </c>
      <c r="AK25" s="17">
        <v>0.48491000000000001</v>
      </c>
      <c r="AL25" s="17">
        <v>0.46636</v>
      </c>
      <c r="AM25" s="17">
        <v>0.68654000000000004</v>
      </c>
      <c r="AN25" s="17">
        <v>0.82513999999999998</v>
      </c>
      <c r="AO25" s="17">
        <v>1.0451699999999999</v>
      </c>
      <c r="AP25" s="17">
        <v>1.10676</v>
      </c>
      <c r="AQ25" s="17">
        <v>1.2941400000000001</v>
      </c>
      <c r="AR25" s="17">
        <v>1.5503899999999999</v>
      </c>
      <c r="AS25" s="17">
        <v>1.66178</v>
      </c>
      <c r="AT25" s="17">
        <v>1.8644400000000001</v>
      </c>
      <c r="AU25" s="17">
        <v>2.3651499999999999</v>
      </c>
      <c r="AV25" s="17">
        <v>2.6429900000000002</v>
      </c>
      <c r="AW25" s="17">
        <v>2.9971100000000002</v>
      </c>
      <c r="AX25" s="17">
        <v>3.4086099999999999</v>
      </c>
      <c r="AY25" s="17">
        <v>3.3048799999999998</v>
      </c>
      <c r="AZ25" s="17">
        <v>3.9088599999999998</v>
      </c>
      <c r="BA25" s="17">
        <v>4.7295999999999996</v>
      </c>
      <c r="BB25" s="17">
        <v>5.1837499999999999</v>
      </c>
      <c r="BC25" s="17">
        <v>5.8091999999999997</v>
      </c>
      <c r="BD25" s="17">
        <v>6.5903099999999997</v>
      </c>
      <c r="BE25" s="17">
        <v>6.9554900000000002</v>
      </c>
      <c r="BF25" s="17">
        <v>7.8750499999999999</v>
      </c>
      <c r="BG25" s="17">
        <v>8.8501499999999993</v>
      </c>
      <c r="BH25" s="17">
        <v>10.365209999999999</v>
      </c>
      <c r="BI25" s="17">
        <v>10.47514</v>
      </c>
      <c r="BJ25" s="17">
        <v>12.361179999999999</v>
      </c>
      <c r="BK25" s="17">
        <v>12.98415</v>
      </c>
      <c r="BL25" s="17">
        <v>14.348789999999999</v>
      </c>
      <c r="BM25" s="17">
        <v>16.11647</v>
      </c>
      <c r="BN25" s="17">
        <v>18.10211</v>
      </c>
      <c r="BO25" s="17">
        <v>20.809360000000002</v>
      </c>
      <c r="BP25" s="17">
        <v>22.248439999999999</v>
      </c>
      <c r="BQ25" s="17">
        <v>24.960999999999999</v>
      </c>
      <c r="BR25" s="17">
        <v>26.84366</v>
      </c>
      <c r="BS25" s="17">
        <v>30.540220000000001</v>
      </c>
      <c r="BT25" s="17">
        <v>34.670290000000001</v>
      </c>
      <c r="BU25" s="17">
        <v>35.166350000000001</v>
      </c>
      <c r="BV25" s="17">
        <v>39.090910000000001</v>
      </c>
      <c r="BW25" s="17">
        <v>45.763170000000002</v>
      </c>
      <c r="BX25" s="17">
        <v>48.162419999999997</v>
      </c>
      <c r="BY25" s="17">
        <v>49.377589999999998</v>
      </c>
      <c r="BZ25" s="17">
        <v>54.423290000000001</v>
      </c>
      <c r="CA25" s="17">
        <v>57.153669999999998</v>
      </c>
      <c r="CB25" s="17">
        <v>61.572049999999997</v>
      </c>
      <c r="CC25" s="17">
        <v>64.038929999999993</v>
      </c>
      <c r="CD25" s="17">
        <v>68.080479999999994</v>
      </c>
      <c r="CE25" s="17">
        <v>72.160929999999993</v>
      </c>
      <c r="CF25" s="17">
        <v>76.868039999999993</v>
      </c>
      <c r="CG25" s="17">
        <v>80.537629999999993</v>
      </c>
      <c r="CH25" s="17">
        <v>83.614459999999994</v>
      </c>
      <c r="CI25" s="17">
        <v>85.413529999999994</v>
      </c>
      <c r="CJ25" s="17">
        <v>86.174239999999998</v>
      </c>
      <c r="CK25" s="17">
        <v>87.462689999999995</v>
      </c>
      <c r="CL25" s="17">
        <v>90.70796</v>
      </c>
      <c r="CM25" s="17">
        <v>87.978139999999996</v>
      </c>
      <c r="CN25" s="17">
        <v>96.710530000000006</v>
      </c>
      <c r="CO25" s="17">
        <v>93.775930000000002</v>
      </c>
      <c r="CP25" s="17">
        <v>1.3350500000000001</v>
      </c>
      <c r="CQ25" s="17">
        <v>28.607209999999998</v>
      </c>
      <c r="CR25" s="17">
        <v>45.544800000000002</v>
      </c>
      <c r="CS25" s="17">
        <v>68.081980000000001</v>
      </c>
      <c r="CT25" s="17">
        <v>2.5560399999999999</v>
      </c>
    </row>
    <row r="26" spans="1:98" x14ac:dyDescent="0.15">
      <c r="A26" s="18" t="s">
        <v>193</v>
      </c>
      <c r="B26" s="18" t="s">
        <v>192</v>
      </c>
      <c r="C26" s="18" t="s">
        <v>153</v>
      </c>
      <c r="D26" s="18" t="s">
        <v>8</v>
      </c>
      <c r="E26" s="18" t="s">
        <v>3</v>
      </c>
      <c r="F26" s="18" t="s">
        <v>154</v>
      </c>
      <c r="G26" s="17">
        <v>5.0802399999999999</v>
      </c>
      <c r="H26" s="17">
        <v>0</v>
      </c>
      <c r="I26" s="17">
        <v>0</v>
      </c>
      <c r="J26" s="17">
        <v>0</v>
      </c>
      <c r="K26" s="17">
        <v>5.2380000000000003E-2</v>
      </c>
      <c r="L26" s="17">
        <v>5.4730000000000001E-2</v>
      </c>
      <c r="M26" s="17">
        <v>0.16</v>
      </c>
      <c r="N26" s="17">
        <v>0.19267999999999999</v>
      </c>
      <c r="O26" s="17">
        <v>0.33278000000000002</v>
      </c>
      <c r="P26" s="17">
        <v>0.30087999999999998</v>
      </c>
      <c r="Q26" s="17">
        <v>0.50278999999999996</v>
      </c>
      <c r="R26" s="17">
        <v>1.0537700000000001</v>
      </c>
      <c r="S26" s="17">
        <v>1.29836</v>
      </c>
      <c r="T26" s="17">
        <v>1.19512</v>
      </c>
      <c r="U26" s="17">
        <v>1.48577</v>
      </c>
      <c r="V26" s="17">
        <v>2.0148700000000002</v>
      </c>
      <c r="W26" s="17">
        <v>2.5743</v>
      </c>
      <c r="X26" s="17">
        <v>2.8863599999999998</v>
      </c>
      <c r="Y26" s="17">
        <v>2.95052</v>
      </c>
      <c r="Z26" s="17">
        <v>3.0972499999999998</v>
      </c>
      <c r="AA26" s="17">
        <v>3.9185599999999998</v>
      </c>
      <c r="AB26" s="17">
        <v>4.2509300000000003</v>
      </c>
      <c r="AC26" s="17">
        <v>4.4042500000000002</v>
      </c>
      <c r="AD26" s="17">
        <v>4.6778300000000002</v>
      </c>
      <c r="AE26" s="17">
        <v>4.5277000000000003</v>
      </c>
      <c r="AF26" s="17">
        <v>4.8768200000000004</v>
      </c>
      <c r="AG26" s="17">
        <v>5.5332299999999996</v>
      </c>
      <c r="AH26" s="17">
        <v>5.9370799999999999</v>
      </c>
      <c r="AI26" s="17">
        <v>6.2719300000000002</v>
      </c>
      <c r="AJ26" s="17">
        <v>7.0157499999999997</v>
      </c>
      <c r="AK26" s="17">
        <v>7.0545900000000001</v>
      </c>
      <c r="AL26" s="17">
        <v>7.72818</v>
      </c>
      <c r="AM26" s="17">
        <v>7.8533200000000001</v>
      </c>
      <c r="AN26" s="17">
        <v>8.1811799999999995</v>
      </c>
      <c r="AO26" s="17">
        <v>7.8653700000000004</v>
      </c>
      <c r="AP26" s="17">
        <v>8.5542999999999996</v>
      </c>
      <c r="AQ26" s="17">
        <v>8.8371200000000005</v>
      </c>
      <c r="AR26" s="17">
        <v>8.4873799999999999</v>
      </c>
      <c r="AS26" s="17">
        <v>8.2893500000000007</v>
      </c>
      <c r="AT26" s="17">
        <v>7.6113200000000001</v>
      </c>
      <c r="AU26" s="17">
        <v>9.4605800000000002</v>
      </c>
      <c r="AV26" s="17">
        <v>8.0941600000000005</v>
      </c>
      <c r="AW26" s="17">
        <v>8.1852</v>
      </c>
      <c r="AX26" s="17">
        <v>7.62676</v>
      </c>
      <c r="AY26" s="17">
        <v>7.7697500000000002</v>
      </c>
      <c r="AZ26" s="17">
        <v>7.58779</v>
      </c>
      <c r="BA26" s="17">
        <v>7.4618399999999996</v>
      </c>
      <c r="BB26" s="17">
        <v>7.6208900000000002</v>
      </c>
      <c r="BC26" s="17">
        <v>7.8344300000000002</v>
      </c>
      <c r="BD26" s="17">
        <v>7.4889900000000003</v>
      </c>
      <c r="BE26" s="17">
        <v>8.00474</v>
      </c>
      <c r="BF26" s="17">
        <v>7.44977</v>
      </c>
      <c r="BG26" s="17">
        <v>7.3462899999999998</v>
      </c>
      <c r="BH26" s="17">
        <v>7.3436700000000004</v>
      </c>
      <c r="BI26" s="17">
        <v>7.0162500000000003</v>
      </c>
      <c r="BJ26" s="17">
        <v>6.5185899999999997</v>
      </c>
      <c r="BK26" s="17">
        <v>5.7438399999999996</v>
      </c>
      <c r="BL26" s="17">
        <v>6.7413800000000004</v>
      </c>
      <c r="BM26" s="17">
        <v>5.1557899999999997</v>
      </c>
      <c r="BN26" s="17">
        <v>5.5698800000000004</v>
      </c>
      <c r="BO26" s="17">
        <v>5.0824699999999998</v>
      </c>
      <c r="BP26" s="17">
        <v>4.7629299999999999</v>
      </c>
      <c r="BQ26" s="17">
        <v>4.6801899999999996</v>
      </c>
      <c r="BR26" s="17">
        <v>4.4985299999999997</v>
      </c>
      <c r="BS26" s="17">
        <v>3.6974800000000001</v>
      </c>
      <c r="BT26" s="17">
        <v>2.4473099999999999</v>
      </c>
      <c r="BU26" s="17">
        <v>3.4369000000000001</v>
      </c>
      <c r="BV26" s="17">
        <v>3.5026700000000002</v>
      </c>
      <c r="BW26" s="17">
        <v>2.49864</v>
      </c>
      <c r="BX26" s="17">
        <v>2.6081799999999999</v>
      </c>
      <c r="BY26" s="17">
        <v>2.3619500000000002</v>
      </c>
      <c r="BZ26" s="17">
        <v>2.0903299999999998</v>
      </c>
      <c r="CA26" s="17">
        <v>1.96821</v>
      </c>
      <c r="CB26" s="17">
        <v>2.3144100000000001</v>
      </c>
      <c r="CC26" s="17">
        <v>2.0438000000000001</v>
      </c>
      <c r="CD26" s="17">
        <v>2.0663399999999998</v>
      </c>
      <c r="CE26" s="17">
        <v>1.8169999999999999</v>
      </c>
      <c r="CF26" s="17">
        <v>1.3513500000000001</v>
      </c>
      <c r="CG26" s="17">
        <v>0.75268999999999997</v>
      </c>
      <c r="CH26" s="17">
        <v>1.5662700000000001</v>
      </c>
      <c r="CI26" s="17">
        <v>0.75187999999999999</v>
      </c>
      <c r="CJ26" s="17">
        <v>1.32576</v>
      </c>
      <c r="CK26" s="17">
        <v>1.49254</v>
      </c>
      <c r="CL26" s="17">
        <v>0.44247999999999998</v>
      </c>
      <c r="CM26" s="17">
        <v>2.1857899999999999</v>
      </c>
      <c r="CN26" s="17">
        <v>0.65788999999999997</v>
      </c>
      <c r="CO26" s="17">
        <v>1.24481</v>
      </c>
      <c r="CP26" s="17">
        <v>5.2159300000000002</v>
      </c>
      <c r="CQ26" s="17">
        <v>4.8003</v>
      </c>
      <c r="CR26" s="17">
        <v>2.9573</v>
      </c>
      <c r="CS26" s="17">
        <v>1.80494</v>
      </c>
      <c r="CT26" s="17">
        <v>5.8686800000000003</v>
      </c>
    </row>
    <row r="27" spans="1:98" x14ac:dyDescent="0.15">
      <c r="A27" s="18" t="s">
        <v>193</v>
      </c>
      <c r="B27" s="18" t="s">
        <v>192</v>
      </c>
      <c r="C27" s="18" t="s">
        <v>153</v>
      </c>
      <c r="D27" s="18" t="s">
        <v>8</v>
      </c>
      <c r="E27" s="18" t="s">
        <v>5</v>
      </c>
      <c r="F27" s="18" t="s">
        <v>157</v>
      </c>
      <c r="G27" s="17">
        <v>30.993130000000001</v>
      </c>
      <c r="H27" s="17">
        <v>100</v>
      </c>
      <c r="I27" s="17">
        <v>100</v>
      </c>
      <c r="J27" s="17">
        <v>99.856459999999998</v>
      </c>
      <c r="K27" s="17">
        <v>99.799400000000006</v>
      </c>
      <c r="L27" s="17">
        <v>99.01961</v>
      </c>
      <c r="M27" s="17">
        <v>98.587429999999998</v>
      </c>
      <c r="N27" s="17">
        <v>97.722459999999998</v>
      </c>
      <c r="O27" s="17">
        <v>96.932839999999999</v>
      </c>
      <c r="P27" s="17">
        <v>95.235569999999996</v>
      </c>
      <c r="Q27" s="17">
        <v>91.329790000000003</v>
      </c>
      <c r="R27" s="17">
        <v>87.076920000000001</v>
      </c>
      <c r="S27" s="17">
        <v>78.513239999999996</v>
      </c>
      <c r="T27" s="17">
        <v>73.556979999999996</v>
      </c>
      <c r="U27" s="17">
        <v>68.493830000000003</v>
      </c>
      <c r="V27" s="17">
        <v>61.141800000000003</v>
      </c>
      <c r="W27" s="17">
        <v>54.445459999999997</v>
      </c>
      <c r="X27" s="17">
        <v>50.065249999999999</v>
      </c>
      <c r="Y27" s="17">
        <v>47.149590000000003</v>
      </c>
      <c r="Z27" s="17">
        <v>42.947099999999999</v>
      </c>
      <c r="AA27" s="17">
        <v>43.945230000000002</v>
      </c>
      <c r="AB27" s="17">
        <v>39.750799999999998</v>
      </c>
      <c r="AC27" s="17">
        <v>37.27064</v>
      </c>
      <c r="AD27" s="17">
        <v>36.01782</v>
      </c>
      <c r="AE27" s="17">
        <v>34.523400000000002</v>
      </c>
      <c r="AF27" s="17">
        <v>33.966520000000003</v>
      </c>
      <c r="AG27" s="17">
        <v>32.053629999999998</v>
      </c>
      <c r="AH27" s="17">
        <v>29.66273</v>
      </c>
      <c r="AI27" s="17">
        <v>27.511420000000001</v>
      </c>
      <c r="AJ27" s="17">
        <v>29.415089999999999</v>
      </c>
      <c r="AK27" s="17">
        <v>29.326779999999999</v>
      </c>
      <c r="AL27" s="17">
        <v>28.375800000000002</v>
      </c>
      <c r="AM27" s="17">
        <v>27.34177</v>
      </c>
      <c r="AN27" s="17">
        <v>25.751809999999999</v>
      </c>
      <c r="AO27" s="17">
        <v>23.781130000000001</v>
      </c>
      <c r="AP27" s="17">
        <v>24.164760000000001</v>
      </c>
      <c r="AQ27" s="17">
        <v>20.864380000000001</v>
      </c>
      <c r="AR27" s="17">
        <v>19.741990000000001</v>
      </c>
      <c r="AS27" s="17">
        <v>19.179130000000001</v>
      </c>
      <c r="AT27" s="17">
        <v>20.275510000000001</v>
      </c>
      <c r="AU27" s="17">
        <v>17.77778</v>
      </c>
      <c r="AV27" s="17">
        <v>17.26559</v>
      </c>
      <c r="AW27" s="17">
        <v>16.036940000000001</v>
      </c>
      <c r="AX27" s="17">
        <v>15.15544</v>
      </c>
      <c r="AY27" s="17">
        <v>14.676069999999999</v>
      </c>
      <c r="AZ27" s="17">
        <v>12.692310000000001</v>
      </c>
      <c r="BA27" s="17">
        <v>12.43285</v>
      </c>
      <c r="BB27" s="17">
        <v>12.756880000000001</v>
      </c>
      <c r="BC27" s="17">
        <v>13.45801</v>
      </c>
      <c r="BD27" s="17">
        <v>12.820510000000001</v>
      </c>
      <c r="BE27" s="17">
        <v>10.84125</v>
      </c>
      <c r="BF27" s="17">
        <v>10.462289999999999</v>
      </c>
      <c r="BG27" s="17">
        <v>8.6342700000000008</v>
      </c>
      <c r="BH27" s="17">
        <v>7.8688500000000001</v>
      </c>
      <c r="BI27" s="17">
        <v>6.49519</v>
      </c>
      <c r="BJ27" s="17">
        <v>6.2627300000000004</v>
      </c>
      <c r="BK27" s="17">
        <v>5.0187600000000003</v>
      </c>
      <c r="BL27" s="17">
        <v>4.5285799999999998</v>
      </c>
      <c r="BM27" s="17">
        <v>3.2621799999999999</v>
      </c>
      <c r="BN27" s="17">
        <v>3.6425100000000001</v>
      </c>
      <c r="BO27" s="17">
        <v>3.1486100000000001</v>
      </c>
      <c r="BP27" s="17">
        <v>2.1176499999999998</v>
      </c>
      <c r="BQ27" s="17">
        <v>1.7826299999999999</v>
      </c>
      <c r="BR27" s="17">
        <v>1.84667</v>
      </c>
      <c r="BS27" s="17">
        <v>1.9036999999999999</v>
      </c>
      <c r="BT27" s="17">
        <v>1.9747699999999999</v>
      </c>
      <c r="BU27" s="17">
        <v>1.4416800000000001</v>
      </c>
      <c r="BV27" s="17">
        <v>1.3459000000000001</v>
      </c>
      <c r="BW27" s="17">
        <v>1.2930999999999999</v>
      </c>
      <c r="BX27" s="17">
        <v>1.47783</v>
      </c>
      <c r="BY27" s="17">
        <v>1.6323000000000001</v>
      </c>
      <c r="BZ27" s="17">
        <v>0.72765000000000002</v>
      </c>
      <c r="CA27" s="17">
        <v>1.0416700000000001</v>
      </c>
      <c r="CB27" s="17">
        <v>1.0416700000000001</v>
      </c>
      <c r="CC27" s="17">
        <v>1.0606100000000001</v>
      </c>
      <c r="CD27" s="17">
        <v>0.54249999999999998</v>
      </c>
      <c r="CE27" s="17">
        <v>0.48780000000000001</v>
      </c>
      <c r="CF27" s="17">
        <v>0.58996999999999999</v>
      </c>
      <c r="CG27" s="17">
        <v>0.95694000000000001</v>
      </c>
      <c r="CH27" s="17">
        <v>0.62892999999999999</v>
      </c>
      <c r="CI27" s="17">
        <v>0.78125</v>
      </c>
      <c r="CJ27" s="17">
        <v>0</v>
      </c>
      <c r="CK27" s="17">
        <v>0</v>
      </c>
      <c r="CL27" s="17">
        <v>0</v>
      </c>
      <c r="CM27" s="17">
        <v>0</v>
      </c>
      <c r="CN27" s="17">
        <v>0</v>
      </c>
      <c r="CO27" s="17">
        <v>0</v>
      </c>
      <c r="CP27" s="17">
        <v>41.776690000000002</v>
      </c>
      <c r="CQ27" s="17">
        <v>4.2311100000000001</v>
      </c>
      <c r="CR27" s="17">
        <v>1.4875100000000001</v>
      </c>
      <c r="CS27" s="17">
        <v>0.78769999999999996</v>
      </c>
      <c r="CT27" s="17">
        <v>33.032890000000002</v>
      </c>
    </row>
    <row r="28" spans="1:98" x14ac:dyDescent="0.15">
      <c r="A28" s="18" t="s">
        <v>193</v>
      </c>
      <c r="B28" s="18" t="s">
        <v>192</v>
      </c>
      <c r="C28" s="18" t="s">
        <v>153</v>
      </c>
      <c r="D28" s="18" t="s">
        <v>8</v>
      </c>
      <c r="E28" s="18" t="s">
        <v>5</v>
      </c>
      <c r="F28" s="18" t="s">
        <v>156</v>
      </c>
      <c r="G28" s="17">
        <v>61.599310000000003</v>
      </c>
      <c r="H28" s="17">
        <v>0</v>
      </c>
      <c r="I28" s="17">
        <v>0</v>
      </c>
      <c r="J28" s="17">
        <v>0.14354</v>
      </c>
      <c r="K28" s="17">
        <v>0.2006</v>
      </c>
      <c r="L28" s="17">
        <v>0.92879</v>
      </c>
      <c r="M28" s="17">
        <v>1.31515</v>
      </c>
      <c r="N28" s="17">
        <v>2.2775400000000001</v>
      </c>
      <c r="O28" s="17">
        <v>2.9085100000000002</v>
      </c>
      <c r="P28" s="17">
        <v>4.6056100000000004</v>
      </c>
      <c r="Q28" s="17">
        <v>8.3510600000000004</v>
      </c>
      <c r="R28" s="17">
        <v>12.256410000000001</v>
      </c>
      <c r="S28" s="17">
        <v>20.6721</v>
      </c>
      <c r="T28" s="17">
        <v>25.703009999999999</v>
      </c>
      <c r="U28" s="17">
        <v>30.617280000000001</v>
      </c>
      <c r="V28" s="17">
        <v>37.56906</v>
      </c>
      <c r="W28" s="17">
        <v>43.950499999999998</v>
      </c>
      <c r="X28" s="17">
        <v>47.846890000000002</v>
      </c>
      <c r="Y28" s="17">
        <v>50.621519999999997</v>
      </c>
      <c r="Z28" s="17">
        <v>55.121749999999999</v>
      </c>
      <c r="AA28" s="17">
        <v>53.187849999999997</v>
      </c>
      <c r="AB28" s="17">
        <v>56.953380000000003</v>
      </c>
      <c r="AC28" s="17">
        <v>59.747709999999998</v>
      </c>
      <c r="AD28" s="17">
        <v>60.795070000000003</v>
      </c>
      <c r="AE28" s="17">
        <v>62.287689999999998</v>
      </c>
      <c r="AF28" s="17">
        <v>62.81391</v>
      </c>
      <c r="AG28" s="17">
        <v>64.076779999999999</v>
      </c>
      <c r="AH28" s="17">
        <v>65.955609999999993</v>
      </c>
      <c r="AI28" s="17">
        <v>67.665530000000004</v>
      </c>
      <c r="AJ28" s="17">
        <v>65.216160000000002</v>
      </c>
      <c r="AK28" s="17">
        <v>65.447280000000006</v>
      </c>
      <c r="AL28" s="17">
        <v>65.796180000000007</v>
      </c>
      <c r="AM28" s="17">
        <v>65.981009999999998</v>
      </c>
      <c r="AN28" s="17">
        <v>67.680610000000001</v>
      </c>
      <c r="AO28" s="17">
        <v>69.975449999999995</v>
      </c>
      <c r="AP28" s="17">
        <v>68.375290000000007</v>
      </c>
      <c r="AQ28" s="17">
        <v>71.833079999999995</v>
      </c>
      <c r="AR28" s="17">
        <v>72.75215</v>
      </c>
      <c r="AS28" s="17">
        <v>73.878020000000006</v>
      </c>
      <c r="AT28" s="17">
        <v>72.707710000000006</v>
      </c>
      <c r="AU28" s="17">
        <v>73.418800000000005</v>
      </c>
      <c r="AV28" s="17">
        <v>75.258160000000004</v>
      </c>
      <c r="AW28" s="17">
        <v>75.272880000000001</v>
      </c>
      <c r="AX28" s="17">
        <v>77.072540000000004</v>
      </c>
      <c r="AY28" s="17">
        <v>76.950199999999995</v>
      </c>
      <c r="AZ28" s="17">
        <v>78.846149999999994</v>
      </c>
      <c r="BA28" s="17">
        <v>79.355329999999995</v>
      </c>
      <c r="BB28" s="17">
        <v>78.324929999999995</v>
      </c>
      <c r="BC28" s="17">
        <v>75.980930000000001</v>
      </c>
      <c r="BD28" s="17">
        <v>77.920230000000004</v>
      </c>
      <c r="BE28" s="17">
        <v>78.845479999999995</v>
      </c>
      <c r="BF28" s="17">
        <v>79.257909999999995</v>
      </c>
      <c r="BG28" s="17">
        <v>80.586479999999995</v>
      </c>
      <c r="BH28" s="17">
        <v>81.420770000000005</v>
      </c>
      <c r="BI28" s="17">
        <v>82.904650000000004</v>
      </c>
      <c r="BJ28" s="17">
        <v>82.993889999999993</v>
      </c>
      <c r="BK28" s="17">
        <v>84.005629999999996</v>
      </c>
      <c r="BL28" s="17">
        <v>84.224199999999996</v>
      </c>
      <c r="BM28" s="17">
        <v>86.226339999999993</v>
      </c>
      <c r="BN28" s="17">
        <v>85.054450000000003</v>
      </c>
      <c r="BO28" s="17">
        <v>84.50882</v>
      </c>
      <c r="BP28" s="17">
        <v>86.447059999999993</v>
      </c>
      <c r="BQ28" s="17">
        <v>85.50891</v>
      </c>
      <c r="BR28" s="17">
        <v>82.596530000000001</v>
      </c>
      <c r="BS28" s="17">
        <v>83.370660000000001</v>
      </c>
      <c r="BT28" s="17">
        <v>85.244100000000003</v>
      </c>
      <c r="BU28" s="17">
        <v>81.979029999999995</v>
      </c>
      <c r="BV28" s="17">
        <v>83.781970000000001</v>
      </c>
      <c r="BW28" s="17">
        <v>78.807469999999995</v>
      </c>
      <c r="BX28" s="17">
        <v>77.668310000000005</v>
      </c>
      <c r="BY28" s="17">
        <v>78.780069999999995</v>
      </c>
      <c r="BZ28" s="17">
        <v>76.507279999999994</v>
      </c>
      <c r="CA28" s="17">
        <v>77.893519999999995</v>
      </c>
      <c r="CB28" s="17">
        <v>73.567710000000005</v>
      </c>
      <c r="CC28" s="17">
        <v>67.878789999999995</v>
      </c>
      <c r="CD28" s="17">
        <v>68.173599999999993</v>
      </c>
      <c r="CE28" s="17">
        <v>65.365849999999995</v>
      </c>
      <c r="CF28" s="17">
        <v>60.176990000000004</v>
      </c>
      <c r="CG28" s="17">
        <v>60.765549999999998</v>
      </c>
      <c r="CH28" s="17">
        <v>55.345910000000003</v>
      </c>
      <c r="CI28" s="17">
        <v>51.5625</v>
      </c>
      <c r="CJ28" s="17">
        <v>47.619050000000001</v>
      </c>
      <c r="CK28" s="17">
        <v>57.692309999999999</v>
      </c>
      <c r="CL28" s="17">
        <v>38.461539999999999</v>
      </c>
      <c r="CM28" s="17">
        <v>31.428570000000001</v>
      </c>
      <c r="CN28" s="17">
        <v>18.75</v>
      </c>
      <c r="CO28" s="17">
        <v>24.242419999999999</v>
      </c>
      <c r="CP28" s="17">
        <v>53.63785</v>
      </c>
      <c r="CQ28" s="17">
        <v>81.357619999999997</v>
      </c>
      <c r="CR28" s="17">
        <v>79.371319999999997</v>
      </c>
      <c r="CS28" s="17">
        <v>68.810950000000005</v>
      </c>
      <c r="CT28" s="17">
        <v>61.267829999999996</v>
      </c>
    </row>
    <row r="29" spans="1:98" x14ac:dyDescent="0.15">
      <c r="A29" s="18" t="s">
        <v>193</v>
      </c>
      <c r="B29" s="18" t="s">
        <v>192</v>
      </c>
      <c r="C29" s="18" t="s">
        <v>153</v>
      </c>
      <c r="D29" s="18" t="s">
        <v>8</v>
      </c>
      <c r="E29" s="18" t="s">
        <v>5</v>
      </c>
      <c r="F29" s="18" t="s">
        <v>155</v>
      </c>
      <c r="G29" s="17">
        <v>3.2524299999999999</v>
      </c>
      <c r="H29" s="17">
        <v>0</v>
      </c>
      <c r="I29" s="17">
        <v>0</v>
      </c>
      <c r="J29" s="17">
        <v>0</v>
      </c>
      <c r="K29" s="17">
        <v>0</v>
      </c>
      <c r="L29" s="17">
        <v>0</v>
      </c>
      <c r="M29" s="17">
        <v>0</v>
      </c>
      <c r="N29" s="17">
        <v>0</v>
      </c>
      <c r="O29" s="17">
        <v>0</v>
      </c>
      <c r="P29" s="17">
        <v>0</v>
      </c>
      <c r="Q29" s="17">
        <v>0</v>
      </c>
      <c r="R29" s="17">
        <v>0</v>
      </c>
      <c r="S29" s="17">
        <v>5.092E-2</v>
      </c>
      <c r="T29" s="17">
        <v>0</v>
      </c>
      <c r="U29" s="17">
        <v>0</v>
      </c>
      <c r="V29" s="17">
        <v>0</v>
      </c>
      <c r="W29" s="17">
        <v>0</v>
      </c>
      <c r="X29" s="17">
        <v>0</v>
      </c>
      <c r="Y29" s="17">
        <v>0</v>
      </c>
      <c r="Z29" s="17">
        <v>4.1980000000000003E-2</v>
      </c>
      <c r="AA29" s="17">
        <v>0</v>
      </c>
      <c r="AB29" s="17">
        <v>0.12058000000000001</v>
      </c>
      <c r="AC29" s="17">
        <v>0</v>
      </c>
      <c r="AD29" s="17">
        <v>0.10281</v>
      </c>
      <c r="AE29" s="17">
        <v>0.17330999999999999</v>
      </c>
      <c r="AF29" s="17">
        <v>6.4390000000000003E-2</v>
      </c>
      <c r="AG29" s="17">
        <v>0.21328</v>
      </c>
      <c r="AH29" s="17">
        <v>8.6480000000000001E-2</v>
      </c>
      <c r="AI29" s="17">
        <v>0.17122999999999999</v>
      </c>
      <c r="AJ29" s="17">
        <v>0.11303000000000001</v>
      </c>
      <c r="AK29" s="17">
        <v>0.36889</v>
      </c>
      <c r="AL29" s="17">
        <v>0.22292999999999999</v>
      </c>
      <c r="AM29" s="17">
        <v>0.28481000000000001</v>
      </c>
      <c r="AN29" s="17">
        <v>0.38023000000000001</v>
      </c>
      <c r="AO29" s="17">
        <v>0.38583000000000001</v>
      </c>
      <c r="AP29" s="17">
        <v>0.59497</v>
      </c>
      <c r="AQ29" s="17">
        <v>0.37258000000000002</v>
      </c>
      <c r="AR29" s="17">
        <v>0.74277000000000004</v>
      </c>
      <c r="AS29" s="17">
        <v>0.69045000000000001</v>
      </c>
      <c r="AT29" s="17">
        <v>0.86095999999999995</v>
      </c>
      <c r="AU29" s="17">
        <v>0.85470000000000002</v>
      </c>
      <c r="AV29" s="17">
        <v>0.99133000000000004</v>
      </c>
      <c r="AW29" s="17">
        <v>1.25945</v>
      </c>
      <c r="AX29" s="17">
        <v>1.2953399999999999</v>
      </c>
      <c r="AY29" s="17">
        <v>1.5866</v>
      </c>
      <c r="AZ29" s="17">
        <v>1.5811999999999999</v>
      </c>
      <c r="BA29" s="17">
        <v>1.91865</v>
      </c>
      <c r="BB29" s="17">
        <v>2.4040300000000001</v>
      </c>
      <c r="BC29" s="17">
        <v>2.82362</v>
      </c>
      <c r="BD29" s="17">
        <v>2.5284900000000001</v>
      </c>
      <c r="BE29" s="17">
        <v>3.2734999999999999</v>
      </c>
      <c r="BF29" s="17">
        <v>3.3454999999999999</v>
      </c>
      <c r="BG29" s="17">
        <v>3.5840299999999998</v>
      </c>
      <c r="BH29" s="17">
        <v>4.94536</v>
      </c>
      <c r="BI29" s="17">
        <v>3.8191700000000002</v>
      </c>
      <c r="BJ29" s="17">
        <v>4.9898199999999999</v>
      </c>
      <c r="BK29" s="17">
        <v>5.7692300000000003</v>
      </c>
      <c r="BL29" s="17">
        <v>5.6421700000000001</v>
      </c>
      <c r="BM29" s="17">
        <v>6.04108</v>
      </c>
      <c r="BN29" s="17">
        <v>6.1960199999999999</v>
      </c>
      <c r="BO29" s="17">
        <v>8.0184700000000007</v>
      </c>
      <c r="BP29" s="17">
        <v>6.9647100000000002</v>
      </c>
      <c r="BQ29" s="17">
        <v>8.6831499999999995</v>
      </c>
      <c r="BR29" s="17">
        <v>11.191940000000001</v>
      </c>
      <c r="BS29" s="17">
        <v>10.862259999999999</v>
      </c>
      <c r="BT29" s="17">
        <v>11.025779999999999</v>
      </c>
      <c r="BU29" s="17">
        <v>14.28571</v>
      </c>
      <c r="BV29" s="17">
        <v>12.113060000000001</v>
      </c>
      <c r="BW29" s="17">
        <v>17.816089999999999</v>
      </c>
      <c r="BX29" s="17">
        <v>18.144500000000001</v>
      </c>
      <c r="BY29" s="17">
        <v>18.298970000000001</v>
      </c>
      <c r="BZ29" s="17">
        <v>20.893969999999999</v>
      </c>
      <c r="CA29" s="17">
        <v>20.13889</v>
      </c>
      <c r="CB29" s="17">
        <v>24.869789999999998</v>
      </c>
      <c r="CC29" s="17">
        <v>30</v>
      </c>
      <c r="CD29" s="17">
        <v>28.93309</v>
      </c>
      <c r="CE29" s="17">
        <v>32.926830000000002</v>
      </c>
      <c r="CF29" s="17">
        <v>39.233040000000003</v>
      </c>
      <c r="CG29" s="17">
        <v>38.277509999999999</v>
      </c>
      <c r="CH29" s="17">
        <v>43.396230000000003</v>
      </c>
      <c r="CI29" s="17">
        <v>47.65625</v>
      </c>
      <c r="CJ29" s="17">
        <v>52.380949999999999</v>
      </c>
      <c r="CK29" s="17">
        <v>42.307690000000001</v>
      </c>
      <c r="CL29" s="17">
        <v>61.538460000000001</v>
      </c>
      <c r="CM29" s="17">
        <v>68.571430000000007</v>
      </c>
      <c r="CN29" s="17">
        <v>81.25</v>
      </c>
      <c r="CO29" s="17">
        <v>72.727270000000004</v>
      </c>
      <c r="CP29" s="17">
        <v>0.55813000000000001</v>
      </c>
      <c r="CQ29" s="17">
        <v>9.9390099999999997</v>
      </c>
      <c r="CR29" s="17">
        <v>16.549720000000001</v>
      </c>
      <c r="CS29" s="17">
        <v>29.332329999999999</v>
      </c>
      <c r="CT29" s="17">
        <v>1.042</v>
      </c>
    </row>
    <row r="30" spans="1:98" x14ac:dyDescent="0.15">
      <c r="A30" s="18" t="s">
        <v>193</v>
      </c>
      <c r="B30" s="18" t="s">
        <v>192</v>
      </c>
      <c r="C30" s="18" t="s">
        <v>153</v>
      </c>
      <c r="D30" s="18" t="s">
        <v>8</v>
      </c>
      <c r="E30" s="18" t="s">
        <v>5</v>
      </c>
      <c r="F30" s="18" t="s">
        <v>154</v>
      </c>
      <c r="G30" s="17">
        <v>4.1551200000000001</v>
      </c>
      <c r="H30" s="17">
        <v>0</v>
      </c>
      <c r="I30" s="17">
        <v>0</v>
      </c>
      <c r="J30" s="17">
        <v>0</v>
      </c>
      <c r="K30" s="17">
        <v>0</v>
      </c>
      <c r="L30" s="17">
        <v>5.16E-2</v>
      </c>
      <c r="M30" s="17">
        <v>9.7420000000000007E-2</v>
      </c>
      <c r="N30" s="17">
        <v>0</v>
      </c>
      <c r="O30" s="17">
        <v>0.15865000000000001</v>
      </c>
      <c r="P30" s="17">
        <v>0.15881000000000001</v>
      </c>
      <c r="Q30" s="17">
        <v>0.31914999999999999</v>
      </c>
      <c r="R30" s="17">
        <v>0.66666999999999998</v>
      </c>
      <c r="S30" s="17">
        <v>0.76375000000000004</v>
      </c>
      <c r="T30" s="17">
        <v>0.74000999999999995</v>
      </c>
      <c r="U30" s="17">
        <v>0.88888999999999996</v>
      </c>
      <c r="V30" s="17">
        <v>1.2891300000000001</v>
      </c>
      <c r="W30" s="17">
        <v>1.6040300000000001</v>
      </c>
      <c r="X30" s="17">
        <v>2.08786</v>
      </c>
      <c r="Y30" s="17">
        <v>2.2288899999999998</v>
      </c>
      <c r="Z30" s="17">
        <v>1.88917</v>
      </c>
      <c r="AA30" s="17">
        <v>2.8669199999999999</v>
      </c>
      <c r="AB30" s="17">
        <v>3.1752400000000001</v>
      </c>
      <c r="AC30" s="17">
        <v>2.9816500000000001</v>
      </c>
      <c r="AD30" s="17">
        <v>3.0842999999999998</v>
      </c>
      <c r="AE30" s="17">
        <v>3.0156000000000001</v>
      </c>
      <c r="AF30" s="17">
        <v>3.1551800000000001</v>
      </c>
      <c r="AG30" s="17">
        <v>3.6563099999999999</v>
      </c>
      <c r="AH30" s="17">
        <v>4.2951899999999998</v>
      </c>
      <c r="AI30" s="17">
        <v>4.6518300000000004</v>
      </c>
      <c r="AJ30" s="17">
        <v>5.2557200000000002</v>
      </c>
      <c r="AK30" s="17">
        <v>4.8570599999999997</v>
      </c>
      <c r="AL30" s="17">
        <v>5.6051000000000002</v>
      </c>
      <c r="AM30" s="17">
        <v>6.3924099999999999</v>
      </c>
      <c r="AN30" s="17">
        <v>6.1873500000000003</v>
      </c>
      <c r="AO30" s="17">
        <v>5.8575900000000001</v>
      </c>
      <c r="AP30" s="17">
        <v>6.8649899999999997</v>
      </c>
      <c r="AQ30" s="17">
        <v>6.9299600000000003</v>
      </c>
      <c r="AR30" s="17">
        <v>6.7630999999999997</v>
      </c>
      <c r="AS30" s="17">
        <v>6.2523999999999997</v>
      </c>
      <c r="AT30" s="17">
        <v>6.1558299999999999</v>
      </c>
      <c r="AU30" s="17">
        <v>7.9487199999999998</v>
      </c>
      <c r="AV30" s="17">
        <v>6.4849199999999998</v>
      </c>
      <c r="AW30" s="17">
        <v>7.4307299999999996</v>
      </c>
      <c r="AX30" s="17">
        <v>6.47668</v>
      </c>
      <c r="AY30" s="17">
        <v>6.7871300000000003</v>
      </c>
      <c r="AZ30" s="17">
        <v>6.8803400000000003</v>
      </c>
      <c r="BA30" s="17">
        <v>6.2931699999999999</v>
      </c>
      <c r="BB30" s="17">
        <v>6.5141499999999999</v>
      </c>
      <c r="BC30" s="17">
        <v>7.7374400000000003</v>
      </c>
      <c r="BD30" s="17">
        <v>6.7307699999999997</v>
      </c>
      <c r="BE30" s="17">
        <v>7.0397699999999999</v>
      </c>
      <c r="BF30" s="17">
        <v>6.93431</v>
      </c>
      <c r="BG30" s="17">
        <v>7.1952199999999999</v>
      </c>
      <c r="BH30" s="17">
        <v>5.7650300000000003</v>
      </c>
      <c r="BI30" s="17">
        <v>6.7809799999999996</v>
      </c>
      <c r="BJ30" s="17">
        <v>5.7535600000000002</v>
      </c>
      <c r="BK30" s="17">
        <v>5.2063800000000002</v>
      </c>
      <c r="BL30" s="17">
        <v>5.6050500000000003</v>
      </c>
      <c r="BM30" s="17">
        <v>4.4703999999999997</v>
      </c>
      <c r="BN30" s="17">
        <v>5.1070200000000003</v>
      </c>
      <c r="BO30" s="17">
        <v>4.3240999999999996</v>
      </c>
      <c r="BP30" s="17">
        <v>4.4705899999999996</v>
      </c>
      <c r="BQ30" s="17">
        <v>4.0252999999999997</v>
      </c>
      <c r="BR30" s="17">
        <v>4.3648600000000002</v>
      </c>
      <c r="BS30" s="17">
        <v>3.8633799999999998</v>
      </c>
      <c r="BT30" s="17">
        <v>1.75535</v>
      </c>
      <c r="BU30" s="17">
        <v>2.29358</v>
      </c>
      <c r="BV30" s="17">
        <v>2.75908</v>
      </c>
      <c r="BW30" s="17">
        <v>2.0833300000000001</v>
      </c>
      <c r="BX30" s="17">
        <v>2.7093600000000002</v>
      </c>
      <c r="BY30" s="17">
        <v>1.2886599999999999</v>
      </c>
      <c r="BZ30" s="17">
        <v>1.8711</v>
      </c>
      <c r="CA30" s="17">
        <v>0.92593000000000003</v>
      </c>
      <c r="CB30" s="17">
        <v>0.52083000000000002</v>
      </c>
      <c r="CC30" s="17">
        <v>1.0606100000000001</v>
      </c>
      <c r="CD30" s="17">
        <v>2.3508100000000001</v>
      </c>
      <c r="CE30" s="17">
        <v>1.2195100000000001</v>
      </c>
      <c r="CF30" s="17">
        <v>0</v>
      </c>
      <c r="CG30" s="17">
        <v>0</v>
      </c>
      <c r="CH30" s="17">
        <v>0.62892999999999999</v>
      </c>
      <c r="CI30" s="17">
        <v>0</v>
      </c>
      <c r="CJ30" s="17">
        <v>0</v>
      </c>
      <c r="CK30" s="17">
        <v>0</v>
      </c>
      <c r="CL30" s="17">
        <v>0</v>
      </c>
      <c r="CM30" s="17">
        <v>0</v>
      </c>
      <c r="CN30" s="17">
        <v>0</v>
      </c>
      <c r="CO30" s="17">
        <v>3.0303</v>
      </c>
      <c r="CP30" s="17">
        <v>4.0273399999999997</v>
      </c>
      <c r="CQ30" s="17">
        <v>4.4722600000000003</v>
      </c>
      <c r="CR30" s="17">
        <v>2.59145</v>
      </c>
      <c r="CS30" s="17">
        <v>1.0690200000000001</v>
      </c>
      <c r="CT30" s="17">
        <v>4.6572800000000001</v>
      </c>
    </row>
    <row r="31" spans="1:98" x14ac:dyDescent="0.15">
      <c r="A31" s="18" t="s">
        <v>193</v>
      </c>
      <c r="B31" s="18" t="s">
        <v>192</v>
      </c>
      <c r="C31" s="18" t="s">
        <v>153</v>
      </c>
      <c r="D31" s="18" t="s">
        <v>8</v>
      </c>
      <c r="E31" s="18" t="s">
        <v>4</v>
      </c>
      <c r="F31" s="18" t="s">
        <v>157</v>
      </c>
      <c r="G31" s="17">
        <v>20.533819999999999</v>
      </c>
      <c r="H31" s="17">
        <v>100</v>
      </c>
      <c r="I31" s="17">
        <v>100</v>
      </c>
      <c r="J31" s="17">
        <v>99.897170000000003</v>
      </c>
      <c r="K31" s="17">
        <v>99.232460000000003</v>
      </c>
      <c r="L31" s="17">
        <v>99.242419999999996</v>
      </c>
      <c r="M31" s="17">
        <v>97.230410000000006</v>
      </c>
      <c r="N31" s="17">
        <v>95.98854</v>
      </c>
      <c r="O31" s="17">
        <v>93.644310000000004</v>
      </c>
      <c r="P31" s="17">
        <v>90.152799999999999</v>
      </c>
      <c r="Q31" s="17">
        <v>84.764709999999994</v>
      </c>
      <c r="R31" s="17">
        <v>76.413480000000007</v>
      </c>
      <c r="S31" s="17">
        <v>67.458560000000006</v>
      </c>
      <c r="T31" s="17">
        <v>57.135019999999997</v>
      </c>
      <c r="U31" s="17">
        <v>52.929090000000002</v>
      </c>
      <c r="V31" s="17">
        <v>45.8688</v>
      </c>
      <c r="W31" s="17">
        <v>40.411290000000001</v>
      </c>
      <c r="X31" s="17">
        <v>36.220849999999999</v>
      </c>
      <c r="Y31" s="17">
        <v>32.320309999999999</v>
      </c>
      <c r="Z31" s="17">
        <v>29.88814</v>
      </c>
      <c r="AA31" s="17">
        <v>28.059170000000002</v>
      </c>
      <c r="AB31" s="17">
        <v>25.9542</v>
      </c>
      <c r="AC31" s="17">
        <v>23.441299999999998</v>
      </c>
      <c r="AD31" s="17">
        <v>22.049689999999998</v>
      </c>
      <c r="AE31" s="17">
        <v>20.604299999999999</v>
      </c>
      <c r="AF31" s="17">
        <v>19.678429999999999</v>
      </c>
      <c r="AG31" s="17">
        <v>18.977419999999999</v>
      </c>
      <c r="AH31" s="17">
        <v>17.989100000000001</v>
      </c>
      <c r="AI31" s="17">
        <v>17.476019999999998</v>
      </c>
      <c r="AJ31" s="17">
        <v>16.340070000000001</v>
      </c>
      <c r="AK31" s="17">
        <v>16.337579999999999</v>
      </c>
      <c r="AL31" s="17">
        <v>15.223459999999999</v>
      </c>
      <c r="AM31" s="17">
        <v>14.79374</v>
      </c>
      <c r="AN31" s="17">
        <v>13.59258</v>
      </c>
      <c r="AO31" s="17">
        <v>13.421620000000001</v>
      </c>
      <c r="AP31" s="17">
        <v>13.05762</v>
      </c>
      <c r="AQ31" s="17">
        <v>11.26606</v>
      </c>
      <c r="AR31" s="17">
        <v>10.06874</v>
      </c>
      <c r="AS31" s="17">
        <v>9.8883600000000005</v>
      </c>
      <c r="AT31" s="17">
        <v>9.3917699999999993</v>
      </c>
      <c r="AU31" s="17">
        <v>7.78226</v>
      </c>
      <c r="AV31" s="17">
        <v>7.6383200000000002</v>
      </c>
      <c r="AW31" s="17">
        <v>7.24756</v>
      </c>
      <c r="AX31" s="17">
        <v>5.9293500000000003</v>
      </c>
      <c r="AY31" s="17">
        <v>5.6521699999999999</v>
      </c>
      <c r="AZ31" s="17">
        <v>5.5237299999999996</v>
      </c>
      <c r="BA31" s="17">
        <v>4.2206599999999996</v>
      </c>
      <c r="BB31" s="17">
        <v>4.0524899999999997</v>
      </c>
      <c r="BC31" s="17">
        <v>4.2039999999999997</v>
      </c>
      <c r="BD31" s="17">
        <v>3.9413999999999998</v>
      </c>
      <c r="BE31" s="17">
        <v>3.91134</v>
      </c>
      <c r="BF31" s="17">
        <v>3.5400700000000001</v>
      </c>
      <c r="BG31" s="17">
        <v>3.73271</v>
      </c>
      <c r="BH31" s="17">
        <v>4.25101</v>
      </c>
      <c r="BI31" s="17">
        <v>3.3216399999999999</v>
      </c>
      <c r="BJ31" s="17">
        <v>3.30579</v>
      </c>
      <c r="BK31" s="17">
        <v>3.8557199999999998</v>
      </c>
      <c r="BL31" s="17">
        <v>3.5054799999999999</v>
      </c>
      <c r="BM31" s="17">
        <v>2.09694</v>
      </c>
      <c r="BN31" s="17">
        <v>2.8218100000000002</v>
      </c>
      <c r="BO31" s="17">
        <v>3.0367199999999999</v>
      </c>
      <c r="BP31" s="17">
        <v>2.2870699999999999</v>
      </c>
      <c r="BQ31" s="17">
        <v>2.7052700000000001</v>
      </c>
      <c r="BR31" s="17">
        <v>2.7619500000000001</v>
      </c>
      <c r="BS31" s="17">
        <v>2.8583400000000001</v>
      </c>
      <c r="BT31" s="17">
        <v>2.3166000000000002</v>
      </c>
      <c r="BU31" s="17">
        <v>2.32117</v>
      </c>
      <c r="BV31" s="17">
        <v>2.6619299999999999</v>
      </c>
      <c r="BW31" s="17">
        <v>1.9214</v>
      </c>
      <c r="BX31" s="17">
        <v>2.5046400000000002</v>
      </c>
      <c r="BY31" s="17">
        <v>2.387</v>
      </c>
      <c r="BZ31" s="17">
        <v>2.5043700000000002</v>
      </c>
      <c r="CA31" s="17">
        <v>2.58718</v>
      </c>
      <c r="CB31" s="17">
        <v>1.57687</v>
      </c>
      <c r="CC31" s="17">
        <v>2.6523300000000001</v>
      </c>
      <c r="CD31" s="17">
        <v>2.0217700000000001</v>
      </c>
      <c r="CE31" s="17">
        <v>2.2104300000000001</v>
      </c>
      <c r="CF31" s="17">
        <v>1.6322099999999999</v>
      </c>
      <c r="CG31" s="17">
        <v>1.1095699999999999</v>
      </c>
      <c r="CH31" s="17">
        <v>1.9374100000000001</v>
      </c>
      <c r="CI31" s="17">
        <v>1.3035399999999999</v>
      </c>
      <c r="CJ31" s="17">
        <v>0.70921999999999996</v>
      </c>
      <c r="CK31" s="17">
        <v>1.0600700000000001</v>
      </c>
      <c r="CL31" s="17">
        <v>0.53476000000000001</v>
      </c>
      <c r="CM31" s="17">
        <v>2.0270299999999999</v>
      </c>
      <c r="CN31" s="17">
        <v>0.73529</v>
      </c>
      <c r="CO31" s="17">
        <v>0.48076999999999998</v>
      </c>
      <c r="CP31" s="17">
        <v>30.64123</v>
      </c>
      <c r="CQ31" s="17">
        <v>2.8042500000000001</v>
      </c>
      <c r="CR31" s="17">
        <v>2.28348</v>
      </c>
      <c r="CS31" s="17">
        <v>1.9598800000000001</v>
      </c>
      <c r="CT31" s="17">
        <v>21.840920000000001</v>
      </c>
    </row>
    <row r="32" spans="1:98" x14ac:dyDescent="0.15">
      <c r="A32" s="18" t="s">
        <v>193</v>
      </c>
      <c r="B32" s="18" t="s">
        <v>192</v>
      </c>
      <c r="C32" s="18" t="s">
        <v>153</v>
      </c>
      <c r="D32" s="18" t="s">
        <v>8</v>
      </c>
      <c r="E32" s="18" t="s">
        <v>4</v>
      </c>
      <c r="F32" s="18" t="s">
        <v>156</v>
      </c>
      <c r="G32" s="17">
        <v>56.767809999999997</v>
      </c>
      <c r="H32" s="17">
        <v>0</v>
      </c>
      <c r="I32" s="17">
        <v>0</v>
      </c>
      <c r="J32" s="17">
        <v>0.10283</v>
      </c>
      <c r="K32" s="17">
        <v>0.60306999999999999</v>
      </c>
      <c r="L32" s="17">
        <v>0.69930000000000003</v>
      </c>
      <c r="M32" s="17">
        <v>2.4749599999999998</v>
      </c>
      <c r="N32" s="17">
        <v>3.55301</v>
      </c>
      <c r="O32" s="17">
        <v>5.7725900000000001</v>
      </c>
      <c r="P32" s="17">
        <v>9.3944500000000009</v>
      </c>
      <c r="Q32" s="17">
        <v>14.47059</v>
      </c>
      <c r="R32" s="17">
        <v>22.044550000000001</v>
      </c>
      <c r="S32" s="17">
        <v>30.662980000000001</v>
      </c>
      <c r="T32" s="17">
        <v>41.163559999999997</v>
      </c>
      <c r="U32" s="17">
        <v>44.861249999999998</v>
      </c>
      <c r="V32" s="17">
        <v>51.276919999999997</v>
      </c>
      <c r="W32" s="17">
        <v>55.954090000000001</v>
      </c>
      <c r="X32" s="17">
        <v>59.971440000000001</v>
      </c>
      <c r="Y32" s="17">
        <v>63.868789999999997</v>
      </c>
      <c r="Z32" s="17">
        <v>65.63758</v>
      </c>
      <c r="AA32" s="17">
        <v>66.606899999999996</v>
      </c>
      <c r="AB32" s="17">
        <v>68.575059999999993</v>
      </c>
      <c r="AC32" s="17">
        <v>70.445340000000002</v>
      </c>
      <c r="AD32" s="17">
        <v>71.195650000000001</v>
      </c>
      <c r="AE32" s="17">
        <v>73.061520000000002</v>
      </c>
      <c r="AF32" s="17">
        <v>73.051379999999995</v>
      </c>
      <c r="AG32" s="17">
        <v>72.992469999999997</v>
      </c>
      <c r="AH32" s="17">
        <v>73.89461</v>
      </c>
      <c r="AI32" s="17">
        <v>73.860910000000004</v>
      </c>
      <c r="AJ32" s="17">
        <v>74.163399999999996</v>
      </c>
      <c r="AK32" s="17">
        <v>73.726110000000006</v>
      </c>
      <c r="AL32" s="17">
        <v>73.987430000000003</v>
      </c>
      <c r="AM32" s="17">
        <v>74.573260000000005</v>
      </c>
      <c r="AN32" s="17">
        <v>74.884050000000002</v>
      </c>
      <c r="AO32" s="17">
        <v>74.946309999999997</v>
      </c>
      <c r="AP32" s="17">
        <v>75.046469999999999</v>
      </c>
      <c r="AQ32" s="17">
        <v>75.816509999999994</v>
      </c>
      <c r="AR32" s="17">
        <v>77.274569999999997</v>
      </c>
      <c r="AS32" s="17">
        <v>77.03349</v>
      </c>
      <c r="AT32" s="17">
        <v>78.577820000000003</v>
      </c>
      <c r="AU32" s="17">
        <v>77.540319999999994</v>
      </c>
      <c r="AV32" s="17">
        <v>78.364990000000006</v>
      </c>
      <c r="AW32" s="17">
        <v>79.153090000000006</v>
      </c>
      <c r="AX32" s="17">
        <v>79.857020000000006</v>
      </c>
      <c r="AY32" s="17">
        <v>80.608699999999999</v>
      </c>
      <c r="AZ32" s="17">
        <v>80.073650000000001</v>
      </c>
      <c r="BA32" s="17">
        <v>79.748239999999996</v>
      </c>
      <c r="BB32" s="17">
        <v>79.274410000000003</v>
      </c>
      <c r="BC32" s="17">
        <v>79.255690000000001</v>
      </c>
      <c r="BD32" s="17">
        <v>77.258459999999999</v>
      </c>
      <c r="BE32" s="17">
        <v>76.825289999999995</v>
      </c>
      <c r="BF32" s="17">
        <v>76.437269999999998</v>
      </c>
      <c r="BG32" s="17">
        <v>74.862960000000001</v>
      </c>
      <c r="BH32" s="17">
        <v>71.558700000000002</v>
      </c>
      <c r="BI32" s="17">
        <v>72.982460000000003</v>
      </c>
      <c r="BJ32" s="17">
        <v>70.477500000000006</v>
      </c>
      <c r="BK32" s="17">
        <v>70.563850000000002</v>
      </c>
      <c r="BL32" s="17">
        <v>67.104849999999999</v>
      </c>
      <c r="BM32" s="17">
        <v>67.445859999999996</v>
      </c>
      <c r="BN32" s="17">
        <v>63.062779999999997</v>
      </c>
      <c r="BO32" s="17">
        <v>59.675139999999999</v>
      </c>
      <c r="BP32" s="17">
        <v>57.649839999999998</v>
      </c>
      <c r="BQ32" s="17">
        <v>53.678220000000003</v>
      </c>
      <c r="BR32" s="17">
        <v>53.529150000000001</v>
      </c>
      <c r="BS32" s="17">
        <v>48.255569999999999</v>
      </c>
      <c r="BT32" s="17">
        <v>43.43629</v>
      </c>
      <c r="BU32" s="17">
        <v>43.154899999999998</v>
      </c>
      <c r="BV32" s="17">
        <v>36.468499999999999</v>
      </c>
      <c r="BW32" s="17">
        <v>32.576419999999999</v>
      </c>
      <c r="BX32" s="17">
        <v>29.82375</v>
      </c>
      <c r="BY32" s="17">
        <v>26.866430000000001</v>
      </c>
      <c r="BZ32" s="17">
        <v>22.07338</v>
      </c>
      <c r="CA32" s="17">
        <v>19.797529999999998</v>
      </c>
      <c r="CB32" s="17">
        <v>15.111700000000001</v>
      </c>
      <c r="CC32" s="17">
        <v>14.69534</v>
      </c>
      <c r="CD32" s="17">
        <v>11.11975</v>
      </c>
      <c r="CE32" s="17">
        <v>9.3722399999999997</v>
      </c>
      <c r="CF32" s="17">
        <v>5.7671400000000004</v>
      </c>
      <c r="CG32" s="17">
        <v>5.1317599999999999</v>
      </c>
      <c r="CH32" s="17">
        <v>3.1296599999999999</v>
      </c>
      <c r="CI32" s="17">
        <v>3.3519600000000001</v>
      </c>
      <c r="CJ32" s="17">
        <v>3.0732900000000001</v>
      </c>
      <c r="CK32" s="17">
        <v>1.41343</v>
      </c>
      <c r="CL32" s="17">
        <v>2.1390400000000001</v>
      </c>
      <c r="CM32" s="17">
        <v>2.7027000000000001</v>
      </c>
      <c r="CN32" s="17">
        <v>0</v>
      </c>
      <c r="CO32" s="17">
        <v>1.44231</v>
      </c>
      <c r="CP32" s="17">
        <v>60.755989999999997</v>
      </c>
      <c r="CQ32" s="17">
        <v>49.772069999999999</v>
      </c>
      <c r="CR32" s="17">
        <v>31.649640000000002</v>
      </c>
      <c r="CS32" s="17">
        <v>12.03491</v>
      </c>
      <c r="CT32" s="17">
        <v>66.943049999999999</v>
      </c>
    </row>
    <row r="33" spans="1:98" x14ac:dyDescent="0.15">
      <c r="A33" s="18" t="s">
        <v>193</v>
      </c>
      <c r="B33" s="18" t="s">
        <v>192</v>
      </c>
      <c r="C33" s="18" t="s">
        <v>153</v>
      </c>
      <c r="D33" s="18" t="s">
        <v>8</v>
      </c>
      <c r="E33" s="18" t="s">
        <v>4</v>
      </c>
      <c r="F33" s="18" t="s">
        <v>155</v>
      </c>
      <c r="G33" s="17">
        <v>16.755210000000002</v>
      </c>
      <c r="H33" s="17">
        <v>0</v>
      </c>
      <c r="I33" s="17">
        <v>0</v>
      </c>
      <c r="J33" s="17">
        <v>0</v>
      </c>
      <c r="K33" s="17">
        <v>5.4820000000000001E-2</v>
      </c>
      <c r="L33" s="17">
        <v>0</v>
      </c>
      <c r="M33" s="17">
        <v>5.8930000000000003E-2</v>
      </c>
      <c r="N33" s="17">
        <v>5.731E-2</v>
      </c>
      <c r="O33" s="17">
        <v>5.8310000000000001E-2</v>
      </c>
      <c r="P33" s="17">
        <v>0</v>
      </c>
      <c r="Q33" s="17">
        <v>5.8819999999999997E-2</v>
      </c>
      <c r="R33" s="17">
        <v>5.7110000000000001E-2</v>
      </c>
      <c r="S33" s="17">
        <v>0</v>
      </c>
      <c r="T33" s="17">
        <v>0</v>
      </c>
      <c r="U33" s="17">
        <v>0.10277</v>
      </c>
      <c r="V33" s="17">
        <v>5.008E-2</v>
      </c>
      <c r="W33" s="17">
        <v>4.7820000000000001E-2</v>
      </c>
      <c r="X33" s="17">
        <v>4.7600000000000003E-2</v>
      </c>
      <c r="Y33" s="17">
        <v>4.8239999999999998E-2</v>
      </c>
      <c r="Z33" s="17">
        <v>8.949E-2</v>
      </c>
      <c r="AA33" s="17">
        <v>0.31375999999999998</v>
      </c>
      <c r="AB33" s="17">
        <v>8.4820000000000007E-2</v>
      </c>
      <c r="AC33" s="17">
        <v>0.20243</v>
      </c>
      <c r="AD33" s="17">
        <v>0.27173999999999998</v>
      </c>
      <c r="AE33" s="17">
        <v>0.21842</v>
      </c>
      <c r="AF33" s="17">
        <v>0.52429000000000003</v>
      </c>
      <c r="AG33" s="17">
        <v>0.56462000000000001</v>
      </c>
      <c r="AH33" s="17">
        <v>0.45427000000000001</v>
      </c>
      <c r="AI33" s="17">
        <v>0.68945000000000001</v>
      </c>
      <c r="AJ33" s="17">
        <v>0.60294999999999999</v>
      </c>
      <c r="AK33" s="17">
        <v>0.60509999999999997</v>
      </c>
      <c r="AL33" s="17">
        <v>0.73324</v>
      </c>
      <c r="AM33" s="17">
        <v>1.13798</v>
      </c>
      <c r="AN33" s="17">
        <v>1.28434</v>
      </c>
      <c r="AO33" s="17">
        <v>1.71797</v>
      </c>
      <c r="AP33" s="17">
        <v>1.62639</v>
      </c>
      <c r="AQ33" s="17">
        <v>2.2018300000000002</v>
      </c>
      <c r="AR33" s="17">
        <v>2.3857699999999999</v>
      </c>
      <c r="AS33" s="17">
        <v>2.6714500000000001</v>
      </c>
      <c r="AT33" s="17">
        <v>2.9069799999999999</v>
      </c>
      <c r="AU33" s="17">
        <v>3.7903199999999999</v>
      </c>
      <c r="AV33" s="17">
        <v>4.2939699999999998</v>
      </c>
      <c r="AW33" s="17">
        <v>4.68241</v>
      </c>
      <c r="AX33" s="17">
        <v>5.46678</v>
      </c>
      <c r="AY33" s="17">
        <v>5</v>
      </c>
      <c r="AZ33" s="17">
        <v>6.13748</v>
      </c>
      <c r="BA33" s="17">
        <v>7.4416900000000004</v>
      </c>
      <c r="BB33" s="17">
        <v>7.9505999999999997</v>
      </c>
      <c r="BC33" s="17">
        <v>8.6147500000000008</v>
      </c>
      <c r="BD33" s="17">
        <v>10.56854</v>
      </c>
      <c r="BE33" s="17">
        <v>10.36506</v>
      </c>
      <c r="BF33" s="17">
        <v>12.092890000000001</v>
      </c>
      <c r="BG33" s="17">
        <v>13.91282</v>
      </c>
      <c r="BH33" s="17">
        <v>15.38462</v>
      </c>
      <c r="BI33" s="17">
        <v>16.467839999999999</v>
      </c>
      <c r="BJ33" s="17">
        <v>19.00826</v>
      </c>
      <c r="BK33" s="17">
        <v>19.361529999999998</v>
      </c>
      <c r="BL33" s="17">
        <v>21.69014</v>
      </c>
      <c r="BM33" s="17">
        <v>24.7164</v>
      </c>
      <c r="BN33" s="17">
        <v>28.154720000000001</v>
      </c>
      <c r="BO33" s="17">
        <v>31.567799999999998</v>
      </c>
      <c r="BP33" s="17">
        <v>35.055210000000002</v>
      </c>
      <c r="BQ33" s="17">
        <v>38.395820000000001</v>
      </c>
      <c r="BR33" s="17">
        <v>39.10566</v>
      </c>
      <c r="BS33" s="17">
        <v>45.313160000000003</v>
      </c>
      <c r="BT33" s="17">
        <v>51.312739999999998</v>
      </c>
      <c r="BU33" s="17">
        <v>50.260539999999999</v>
      </c>
      <c r="BV33" s="17">
        <v>56.876660000000001</v>
      </c>
      <c r="BW33" s="17">
        <v>62.751089999999998</v>
      </c>
      <c r="BX33" s="17">
        <v>65.120590000000007</v>
      </c>
      <c r="BY33" s="17">
        <v>67.750129999999999</v>
      </c>
      <c r="BZ33" s="17">
        <v>73.209090000000003</v>
      </c>
      <c r="CA33" s="17">
        <v>75.140609999999995</v>
      </c>
      <c r="CB33" s="17">
        <v>80.091980000000007</v>
      </c>
      <c r="CC33" s="17">
        <v>80.143370000000004</v>
      </c>
      <c r="CD33" s="17">
        <v>84.914460000000005</v>
      </c>
      <c r="CE33" s="17">
        <v>86.38373</v>
      </c>
      <c r="CF33" s="17">
        <v>90.750820000000004</v>
      </c>
      <c r="CG33" s="17">
        <v>92.787790000000001</v>
      </c>
      <c r="CH33" s="17">
        <v>93.144559999999998</v>
      </c>
      <c r="CI33" s="17">
        <v>94.413409999999999</v>
      </c>
      <c r="CJ33" s="17">
        <v>94.562650000000005</v>
      </c>
      <c r="CK33" s="17">
        <v>95.759720000000002</v>
      </c>
      <c r="CL33" s="17">
        <v>96.791439999999994</v>
      </c>
      <c r="CM33" s="17">
        <v>92.567570000000003</v>
      </c>
      <c r="CN33" s="17">
        <v>98.529409999999999</v>
      </c>
      <c r="CO33" s="17">
        <v>97.115380000000002</v>
      </c>
      <c r="CP33" s="17">
        <v>2.14608</v>
      </c>
      <c r="CQ33" s="17">
        <v>42.381329999999998</v>
      </c>
      <c r="CR33" s="17">
        <v>62.890720000000002</v>
      </c>
      <c r="CS33" s="17">
        <v>83.899860000000004</v>
      </c>
      <c r="CT33" s="17">
        <v>4.1066700000000003</v>
      </c>
    </row>
    <row r="34" spans="1:98" x14ac:dyDescent="0.15">
      <c r="A34" s="18" t="s">
        <v>193</v>
      </c>
      <c r="B34" s="18" t="s">
        <v>192</v>
      </c>
      <c r="C34" s="18" t="s">
        <v>153</v>
      </c>
      <c r="D34" s="18" t="s">
        <v>8</v>
      </c>
      <c r="E34" s="18" t="s">
        <v>4</v>
      </c>
      <c r="F34" s="18" t="s">
        <v>154</v>
      </c>
      <c r="G34" s="17">
        <v>5.9431599999999998</v>
      </c>
      <c r="H34" s="17">
        <v>0</v>
      </c>
      <c r="I34" s="17">
        <v>0</v>
      </c>
      <c r="J34" s="17">
        <v>0</v>
      </c>
      <c r="K34" s="17">
        <v>0.10965</v>
      </c>
      <c r="L34" s="17">
        <v>5.8279999999999998E-2</v>
      </c>
      <c r="M34" s="17">
        <v>0.23571</v>
      </c>
      <c r="N34" s="17">
        <v>0.40115000000000001</v>
      </c>
      <c r="O34" s="17">
        <v>0.52478000000000002</v>
      </c>
      <c r="P34" s="17">
        <v>0.45273999999999998</v>
      </c>
      <c r="Q34" s="17">
        <v>0.70587999999999995</v>
      </c>
      <c r="R34" s="17">
        <v>1.4848699999999999</v>
      </c>
      <c r="S34" s="17">
        <v>1.87845</v>
      </c>
      <c r="T34" s="17">
        <v>1.70143</v>
      </c>
      <c r="U34" s="17">
        <v>2.1068899999999999</v>
      </c>
      <c r="V34" s="17">
        <v>2.8042099999999999</v>
      </c>
      <c r="W34" s="17">
        <v>3.5868000000000002</v>
      </c>
      <c r="X34" s="17">
        <v>3.7601100000000001</v>
      </c>
      <c r="Y34" s="17">
        <v>3.7626599999999999</v>
      </c>
      <c r="Z34" s="17">
        <v>4.3847899999999997</v>
      </c>
      <c r="AA34" s="17">
        <v>5.0201700000000002</v>
      </c>
      <c r="AB34" s="17">
        <v>5.3859199999999996</v>
      </c>
      <c r="AC34" s="17">
        <v>5.9109299999999996</v>
      </c>
      <c r="AD34" s="17">
        <v>6.48292</v>
      </c>
      <c r="AE34" s="17">
        <v>6.1157599999999999</v>
      </c>
      <c r="AF34" s="17">
        <v>6.7458900000000002</v>
      </c>
      <c r="AG34" s="17">
        <v>7.4654999999999996</v>
      </c>
      <c r="AH34" s="17">
        <v>7.6620200000000001</v>
      </c>
      <c r="AI34" s="17">
        <v>7.9736200000000004</v>
      </c>
      <c r="AJ34" s="17">
        <v>8.89358</v>
      </c>
      <c r="AK34" s="17">
        <v>9.3312100000000004</v>
      </c>
      <c r="AL34" s="17">
        <v>10.055870000000001</v>
      </c>
      <c r="AM34" s="17">
        <v>9.4950200000000002</v>
      </c>
      <c r="AN34" s="17">
        <v>10.23903</v>
      </c>
      <c r="AO34" s="17">
        <v>9.9140999999999995</v>
      </c>
      <c r="AP34" s="17">
        <v>10.26952</v>
      </c>
      <c r="AQ34" s="17">
        <v>10.7156</v>
      </c>
      <c r="AR34" s="17">
        <v>10.27093</v>
      </c>
      <c r="AS34" s="17">
        <v>10.406700000000001</v>
      </c>
      <c r="AT34" s="17">
        <v>9.1234300000000008</v>
      </c>
      <c r="AU34" s="17">
        <v>10.8871</v>
      </c>
      <c r="AV34" s="17">
        <v>9.7027300000000007</v>
      </c>
      <c r="AW34" s="17">
        <v>8.9169400000000003</v>
      </c>
      <c r="AX34" s="17">
        <v>8.7468500000000002</v>
      </c>
      <c r="AY34" s="17">
        <v>8.7391299999999994</v>
      </c>
      <c r="AZ34" s="17">
        <v>8.2651400000000006</v>
      </c>
      <c r="BA34" s="17">
        <v>8.5894100000000009</v>
      </c>
      <c r="BB34" s="17">
        <v>8.7225000000000001</v>
      </c>
      <c r="BC34" s="17">
        <v>7.9255699999999996</v>
      </c>
      <c r="BD34" s="17">
        <v>8.2316000000000003</v>
      </c>
      <c r="BE34" s="17">
        <v>8.8983100000000004</v>
      </c>
      <c r="BF34" s="17">
        <v>7.9297599999999999</v>
      </c>
      <c r="BG34" s="17">
        <v>7.4915200000000004</v>
      </c>
      <c r="BH34" s="17">
        <v>8.8056699999999992</v>
      </c>
      <c r="BI34" s="17">
        <v>7.2280699999999998</v>
      </c>
      <c r="BJ34" s="17">
        <v>7.20845</v>
      </c>
      <c r="BK34" s="17">
        <v>6.2189100000000002</v>
      </c>
      <c r="BL34" s="17">
        <v>7.6995300000000002</v>
      </c>
      <c r="BM34" s="17">
        <v>5.7408000000000001</v>
      </c>
      <c r="BN34" s="17">
        <v>5.96068</v>
      </c>
      <c r="BO34" s="17">
        <v>5.7203400000000002</v>
      </c>
      <c r="BP34" s="17">
        <v>5.0078899999999997</v>
      </c>
      <c r="BQ34" s="17">
        <v>5.2206900000000003</v>
      </c>
      <c r="BR34" s="17">
        <v>4.6032400000000004</v>
      </c>
      <c r="BS34" s="17">
        <v>3.5729299999999999</v>
      </c>
      <c r="BT34" s="17">
        <v>2.9343599999999999</v>
      </c>
      <c r="BU34" s="17">
        <v>4.2633799999999997</v>
      </c>
      <c r="BV34" s="17">
        <v>3.9929000000000001</v>
      </c>
      <c r="BW34" s="17">
        <v>2.75109</v>
      </c>
      <c r="BX34" s="17">
        <v>2.5510199999999998</v>
      </c>
      <c r="BY34" s="17">
        <v>2.9964400000000002</v>
      </c>
      <c r="BZ34" s="17">
        <v>2.2131599999999998</v>
      </c>
      <c r="CA34" s="17">
        <v>2.4746899999999998</v>
      </c>
      <c r="CB34" s="17">
        <v>3.2194500000000001</v>
      </c>
      <c r="CC34" s="17">
        <v>2.5089600000000001</v>
      </c>
      <c r="CD34" s="17">
        <v>1.94401</v>
      </c>
      <c r="CE34" s="17">
        <v>2.0335999999999999</v>
      </c>
      <c r="CF34" s="17">
        <v>1.8498399999999999</v>
      </c>
      <c r="CG34" s="17">
        <v>0.97087000000000001</v>
      </c>
      <c r="CH34" s="17">
        <v>1.7883800000000001</v>
      </c>
      <c r="CI34" s="17">
        <v>0.93110000000000004</v>
      </c>
      <c r="CJ34" s="17">
        <v>1.6548499999999999</v>
      </c>
      <c r="CK34" s="17">
        <v>1.76678</v>
      </c>
      <c r="CL34" s="17">
        <v>0.53476000000000001</v>
      </c>
      <c r="CM34" s="17">
        <v>2.7027000000000001</v>
      </c>
      <c r="CN34" s="17">
        <v>0.73529</v>
      </c>
      <c r="CO34" s="17">
        <v>0.96153999999999995</v>
      </c>
      <c r="CP34" s="17">
        <v>6.4566999999999997</v>
      </c>
      <c r="CQ34" s="17">
        <v>5.0423499999999999</v>
      </c>
      <c r="CR34" s="17">
        <v>3.1761599999999999</v>
      </c>
      <c r="CS34" s="17">
        <v>2.10534</v>
      </c>
      <c r="CT34" s="17">
        <v>7.1093599999999997</v>
      </c>
    </row>
  </sheetData>
  <phoneticPr fontId="3"/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40"/>
  <sheetViews>
    <sheetView zoomScaleNormal="100" workbookViewId="0">
      <pane xSplit="6" ySplit="10" topLeftCell="AC11" activePane="bottomRight" state="frozen"/>
      <selection pane="topRight" activeCell="G1" sqref="G1"/>
      <selection pane="bottomLeft" activeCell="A11" sqref="A11"/>
      <selection pane="bottomRight" activeCell="AF22" sqref="AF22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31" width="12.625" style="11" customWidth="1"/>
    <col min="32" max="16384" width="9" style="11"/>
  </cols>
  <sheetData>
    <row r="1" spans="1:31" x14ac:dyDescent="0.15">
      <c r="A1" s="11" t="s">
        <v>357</v>
      </c>
    </row>
    <row r="2" spans="1:31" x14ac:dyDescent="0.15">
      <c r="A2" s="11" t="s">
        <v>329</v>
      </c>
    </row>
    <row r="3" spans="1:31" x14ac:dyDescent="0.15">
      <c r="A3" s="11" t="s">
        <v>211</v>
      </c>
    </row>
    <row r="4" spans="1:31" hidden="1" x14ac:dyDescent="0.15">
      <c r="A4" s="11" t="s">
        <v>211</v>
      </c>
    </row>
    <row r="5" spans="1:31" collapsed="1" x14ac:dyDescent="0.15">
      <c r="A5" s="11" t="s">
        <v>211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121</v>
      </c>
    </row>
    <row r="6" spans="1:31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/>
    </row>
    <row r="7" spans="1:31" x14ac:dyDescent="0.15">
      <c r="A7" s="11" t="s">
        <v>211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/>
    </row>
    <row r="8" spans="1:31" ht="24" x14ac:dyDescent="0.15">
      <c r="A8" s="11" t="s">
        <v>211</v>
      </c>
      <c r="G8" s="12" t="s">
        <v>151</v>
      </c>
      <c r="H8" s="12" t="s">
        <v>180</v>
      </c>
      <c r="I8" s="12" t="s">
        <v>179</v>
      </c>
      <c r="J8" s="12" t="s">
        <v>178</v>
      </c>
      <c r="K8" s="12" t="s">
        <v>177</v>
      </c>
      <c r="L8" s="12" t="s">
        <v>176</v>
      </c>
      <c r="M8" s="12" t="s">
        <v>175</v>
      </c>
      <c r="N8" s="12" t="s">
        <v>174</v>
      </c>
      <c r="O8" s="12" t="s">
        <v>173</v>
      </c>
      <c r="P8" s="12" t="s">
        <v>172</v>
      </c>
      <c r="Q8" s="12" t="s">
        <v>171</v>
      </c>
      <c r="R8" s="12" t="s">
        <v>170</v>
      </c>
      <c r="S8" s="12" t="s">
        <v>169</v>
      </c>
      <c r="T8" s="12" t="s">
        <v>168</v>
      </c>
      <c r="U8" s="12" t="s">
        <v>167</v>
      </c>
      <c r="V8" s="12" t="s">
        <v>166</v>
      </c>
      <c r="W8" s="12" t="s">
        <v>165</v>
      </c>
      <c r="X8" s="12" t="s">
        <v>164</v>
      </c>
      <c r="Y8" s="12" t="s">
        <v>163</v>
      </c>
      <c r="Z8" s="12" t="s">
        <v>162</v>
      </c>
      <c r="AA8" s="12" t="s">
        <v>161</v>
      </c>
      <c r="AB8" s="12" t="s">
        <v>160</v>
      </c>
      <c r="AC8" s="12" t="s">
        <v>159</v>
      </c>
      <c r="AD8" s="12" t="s">
        <v>122</v>
      </c>
      <c r="AE8" s="12"/>
    </row>
    <row r="9" spans="1:31" x14ac:dyDescent="0.15">
      <c r="A9" s="11" t="s">
        <v>211</v>
      </c>
      <c r="G9" s="13" t="s">
        <v>188</v>
      </c>
      <c r="H9" s="13" t="s">
        <v>188</v>
      </c>
      <c r="I9" s="13" t="s">
        <v>188</v>
      </c>
      <c r="J9" s="13" t="s">
        <v>188</v>
      </c>
      <c r="K9" s="13" t="s">
        <v>188</v>
      </c>
      <c r="L9" s="13" t="s">
        <v>188</v>
      </c>
      <c r="M9" s="13" t="s">
        <v>188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188</v>
      </c>
      <c r="T9" s="13" t="s">
        <v>188</v>
      </c>
      <c r="U9" s="13" t="s">
        <v>188</v>
      </c>
      <c r="V9" s="13" t="s">
        <v>188</v>
      </c>
      <c r="W9" s="13" t="s">
        <v>188</v>
      </c>
      <c r="X9" s="13" t="s">
        <v>188</v>
      </c>
      <c r="Y9" s="13" t="s">
        <v>188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189</v>
      </c>
    </row>
    <row r="10" spans="1:31" ht="13.5" x14ac:dyDescent="0.15">
      <c r="A10" s="14" t="s">
        <v>190</v>
      </c>
      <c r="B10" s="14" t="s">
        <v>191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</row>
    <row r="11" spans="1:31" x14ac:dyDescent="0.15">
      <c r="A11" s="18" t="s">
        <v>193</v>
      </c>
      <c r="B11" s="18" t="s">
        <v>192</v>
      </c>
      <c r="C11" s="18" t="s">
        <v>153</v>
      </c>
      <c r="D11" s="18" t="s">
        <v>9</v>
      </c>
      <c r="E11" s="18" t="s">
        <v>3</v>
      </c>
      <c r="F11" s="18" t="s">
        <v>3</v>
      </c>
      <c r="G11" s="16">
        <v>365923</v>
      </c>
      <c r="H11" s="16">
        <v>19635</v>
      </c>
      <c r="I11" s="16">
        <v>18813</v>
      </c>
      <c r="J11" s="16">
        <v>20121</v>
      </c>
      <c r="K11" s="16">
        <v>22850</v>
      </c>
      <c r="L11" s="16">
        <v>27437</v>
      </c>
      <c r="M11" s="16">
        <v>33747</v>
      </c>
      <c r="N11" s="16">
        <v>28031</v>
      </c>
      <c r="O11" s="16">
        <v>25187</v>
      </c>
      <c r="P11" s="16">
        <v>23869</v>
      </c>
      <c r="Q11" s="16">
        <v>27809</v>
      </c>
      <c r="R11" s="16">
        <v>34298</v>
      </c>
      <c r="S11" s="16">
        <v>26919</v>
      </c>
      <c r="T11" s="16">
        <v>21193</v>
      </c>
      <c r="U11" s="16">
        <v>17597</v>
      </c>
      <c r="V11" s="16">
        <v>11515</v>
      </c>
      <c r="W11" s="16">
        <v>5234</v>
      </c>
      <c r="X11" s="16">
        <v>1426</v>
      </c>
      <c r="Y11" s="16">
        <v>242</v>
      </c>
      <c r="Z11" s="16">
        <v>247499</v>
      </c>
      <c r="AA11" s="16">
        <v>118424</v>
      </c>
      <c r="AB11" s="16">
        <v>57207</v>
      </c>
      <c r="AC11" s="16">
        <v>18417</v>
      </c>
      <c r="AD11" s="16">
        <v>262162</v>
      </c>
      <c r="AE11" s="17">
        <v>52.7318</v>
      </c>
    </row>
    <row r="12" spans="1:31" x14ac:dyDescent="0.15">
      <c r="A12" s="18" t="s">
        <v>193</v>
      </c>
      <c r="B12" s="18" t="s">
        <v>192</v>
      </c>
      <c r="C12" s="18" t="s">
        <v>153</v>
      </c>
      <c r="D12" s="18" t="s">
        <v>9</v>
      </c>
      <c r="E12" s="18" t="s">
        <v>3</v>
      </c>
      <c r="F12" s="18" t="s">
        <v>157</v>
      </c>
      <c r="G12" s="16">
        <v>93988</v>
      </c>
      <c r="H12" s="16">
        <v>19580</v>
      </c>
      <c r="I12" s="16">
        <v>17719</v>
      </c>
      <c r="J12" s="16">
        <v>13353</v>
      </c>
      <c r="K12" s="16">
        <v>9194</v>
      </c>
      <c r="L12" s="16">
        <v>8009</v>
      </c>
      <c r="M12" s="16">
        <v>7922</v>
      </c>
      <c r="N12" s="16">
        <v>5624</v>
      </c>
      <c r="O12" s="16">
        <v>3693</v>
      </c>
      <c r="P12" s="16">
        <v>2566</v>
      </c>
      <c r="Q12" s="16">
        <v>2285</v>
      </c>
      <c r="R12" s="16">
        <v>1982</v>
      </c>
      <c r="S12" s="16">
        <v>925</v>
      </c>
      <c r="T12" s="16">
        <v>486</v>
      </c>
      <c r="U12" s="16">
        <v>351</v>
      </c>
      <c r="V12" s="16">
        <v>211</v>
      </c>
      <c r="W12" s="16">
        <v>76</v>
      </c>
      <c r="X12" s="16">
        <v>11</v>
      </c>
      <c r="Y12" s="16">
        <v>1</v>
      </c>
      <c r="Z12" s="16">
        <v>89945</v>
      </c>
      <c r="AA12" s="16">
        <v>4043</v>
      </c>
      <c r="AB12" s="16">
        <v>1136</v>
      </c>
      <c r="AC12" s="16">
        <v>299</v>
      </c>
      <c r="AD12" s="16">
        <v>72347</v>
      </c>
      <c r="AE12" s="17">
        <v>32.783430000000003</v>
      </c>
    </row>
    <row r="13" spans="1:31" x14ac:dyDescent="0.15">
      <c r="A13" s="18" t="s">
        <v>193</v>
      </c>
      <c r="B13" s="18" t="s">
        <v>192</v>
      </c>
      <c r="C13" s="18" t="s">
        <v>153</v>
      </c>
      <c r="D13" s="18" t="s">
        <v>9</v>
      </c>
      <c r="E13" s="18" t="s">
        <v>3</v>
      </c>
      <c r="F13" s="18" t="s">
        <v>156</v>
      </c>
      <c r="G13" s="16">
        <v>216144</v>
      </c>
      <c r="H13" s="16">
        <v>50</v>
      </c>
      <c r="I13" s="16">
        <v>1034</v>
      </c>
      <c r="J13" s="16">
        <v>6479</v>
      </c>
      <c r="K13" s="16">
        <v>12925</v>
      </c>
      <c r="L13" s="16">
        <v>18119</v>
      </c>
      <c r="M13" s="16">
        <v>23528</v>
      </c>
      <c r="N13" s="16">
        <v>19923</v>
      </c>
      <c r="O13" s="16">
        <v>18896</v>
      </c>
      <c r="P13" s="16">
        <v>18641</v>
      </c>
      <c r="Q13" s="16">
        <v>21751</v>
      </c>
      <c r="R13" s="16">
        <v>26481</v>
      </c>
      <c r="S13" s="16">
        <v>20008</v>
      </c>
      <c r="T13" s="16">
        <v>13945</v>
      </c>
      <c r="U13" s="16">
        <v>9116</v>
      </c>
      <c r="V13" s="16">
        <v>4112</v>
      </c>
      <c r="W13" s="16">
        <v>991</v>
      </c>
      <c r="X13" s="16">
        <v>134</v>
      </c>
      <c r="Y13" s="16">
        <v>11</v>
      </c>
      <c r="Z13" s="16">
        <v>141346</v>
      </c>
      <c r="AA13" s="16">
        <v>74798</v>
      </c>
      <c r="AB13" s="16">
        <v>28309</v>
      </c>
      <c r="AC13" s="16">
        <v>5248</v>
      </c>
      <c r="AD13" s="16">
        <v>167777</v>
      </c>
      <c r="AE13" s="17">
        <v>56.466270000000002</v>
      </c>
    </row>
    <row r="14" spans="1:31" x14ac:dyDescent="0.15">
      <c r="A14" s="18" t="s">
        <v>193</v>
      </c>
      <c r="B14" s="18" t="s">
        <v>192</v>
      </c>
      <c r="C14" s="18" t="s">
        <v>153</v>
      </c>
      <c r="D14" s="18" t="s">
        <v>9</v>
      </c>
      <c r="E14" s="18" t="s">
        <v>3</v>
      </c>
      <c r="F14" s="18" t="s">
        <v>155</v>
      </c>
      <c r="G14" s="16">
        <v>37179</v>
      </c>
      <c r="H14" s="16">
        <v>1</v>
      </c>
      <c r="I14" s="16">
        <v>4</v>
      </c>
      <c r="J14" s="16">
        <v>6</v>
      </c>
      <c r="K14" s="16">
        <v>15</v>
      </c>
      <c r="L14" s="16">
        <v>51</v>
      </c>
      <c r="M14" s="16">
        <v>130</v>
      </c>
      <c r="N14" s="16">
        <v>233</v>
      </c>
      <c r="O14" s="16">
        <v>439</v>
      </c>
      <c r="P14" s="16">
        <v>779</v>
      </c>
      <c r="Q14" s="16">
        <v>1638</v>
      </c>
      <c r="R14" s="16">
        <v>3362</v>
      </c>
      <c r="S14" s="16">
        <v>4457</v>
      </c>
      <c r="T14" s="16">
        <v>5909</v>
      </c>
      <c r="U14" s="16">
        <v>7618</v>
      </c>
      <c r="V14" s="16">
        <v>6950</v>
      </c>
      <c r="W14" s="16">
        <v>4097</v>
      </c>
      <c r="X14" s="16">
        <v>1263</v>
      </c>
      <c r="Y14" s="16">
        <v>227</v>
      </c>
      <c r="Z14" s="16">
        <v>3296</v>
      </c>
      <c r="AA14" s="16">
        <v>33883</v>
      </c>
      <c r="AB14" s="16">
        <v>26064</v>
      </c>
      <c r="AC14" s="16">
        <v>12537</v>
      </c>
      <c r="AD14" s="16">
        <v>6657</v>
      </c>
      <c r="AE14" s="17">
        <v>79.635429999999999</v>
      </c>
    </row>
    <row r="15" spans="1:31" x14ac:dyDescent="0.15">
      <c r="A15" s="18" t="s">
        <v>193</v>
      </c>
      <c r="B15" s="18" t="s">
        <v>192</v>
      </c>
      <c r="C15" s="18" t="s">
        <v>153</v>
      </c>
      <c r="D15" s="18" t="s">
        <v>9</v>
      </c>
      <c r="E15" s="18" t="s">
        <v>3</v>
      </c>
      <c r="F15" s="18" t="s">
        <v>154</v>
      </c>
      <c r="G15" s="16">
        <v>18612</v>
      </c>
      <c r="H15" s="16">
        <v>4</v>
      </c>
      <c r="I15" s="16">
        <v>56</v>
      </c>
      <c r="J15" s="16">
        <v>283</v>
      </c>
      <c r="K15" s="16">
        <v>716</v>
      </c>
      <c r="L15" s="16">
        <v>1258</v>
      </c>
      <c r="M15" s="16">
        <v>2167</v>
      </c>
      <c r="N15" s="16">
        <v>2251</v>
      </c>
      <c r="O15" s="16">
        <v>2159</v>
      </c>
      <c r="P15" s="16">
        <v>1883</v>
      </c>
      <c r="Q15" s="16">
        <v>2135</v>
      </c>
      <c r="R15" s="16">
        <v>2473</v>
      </c>
      <c r="S15" s="16">
        <v>1529</v>
      </c>
      <c r="T15" s="16">
        <v>853</v>
      </c>
      <c r="U15" s="16">
        <v>512</v>
      </c>
      <c r="V15" s="16">
        <v>242</v>
      </c>
      <c r="W15" s="16">
        <v>70</v>
      </c>
      <c r="X15" s="16">
        <v>18</v>
      </c>
      <c r="Y15" s="16">
        <v>3</v>
      </c>
      <c r="Z15" s="16">
        <v>12912</v>
      </c>
      <c r="AA15" s="16">
        <v>5700</v>
      </c>
      <c r="AB15" s="16">
        <v>1698</v>
      </c>
      <c r="AC15" s="16">
        <v>333</v>
      </c>
      <c r="AD15" s="16">
        <v>15381</v>
      </c>
      <c r="AE15" s="17">
        <v>56.357080000000003</v>
      </c>
    </row>
    <row r="16" spans="1:31" x14ac:dyDescent="0.15">
      <c r="A16" s="18" t="s">
        <v>193</v>
      </c>
      <c r="B16" s="18" t="s">
        <v>192</v>
      </c>
      <c r="C16" s="18" t="s">
        <v>153</v>
      </c>
      <c r="D16" s="18" t="s">
        <v>9</v>
      </c>
      <c r="E16" s="18" t="s">
        <v>5</v>
      </c>
      <c r="F16" s="18" t="s">
        <v>3</v>
      </c>
      <c r="G16" s="16">
        <v>176365</v>
      </c>
      <c r="H16" s="16">
        <v>10230</v>
      </c>
      <c r="I16" s="16">
        <v>9937</v>
      </c>
      <c r="J16" s="16">
        <v>10492</v>
      </c>
      <c r="K16" s="16">
        <v>11772</v>
      </c>
      <c r="L16" s="16">
        <v>14152</v>
      </c>
      <c r="M16" s="16">
        <v>17175</v>
      </c>
      <c r="N16" s="16">
        <v>14327</v>
      </c>
      <c r="O16" s="16">
        <v>12596</v>
      </c>
      <c r="P16" s="16">
        <v>11779</v>
      </c>
      <c r="Q16" s="16">
        <v>13623</v>
      </c>
      <c r="R16" s="16">
        <v>16489</v>
      </c>
      <c r="S16" s="16">
        <v>12387</v>
      </c>
      <c r="T16" s="16">
        <v>9273</v>
      </c>
      <c r="U16" s="16">
        <v>6794</v>
      </c>
      <c r="V16" s="16">
        <v>3812</v>
      </c>
      <c r="W16" s="16">
        <v>1247</v>
      </c>
      <c r="X16" s="16">
        <v>247</v>
      </c>
      <c r="Y16" s="16">
        <v>33</v>
      </c>
      <c r="Z16" s="16">
        <v>126083</v>
      </c>
      <c r="AA16" s="16">
        <v>50282</v>
      </c>
      <c r="AB16" s="16">
        <v>21406</v>
      </c>
      <c r="AC16" s="16">
        <v>5339</v>
      </c>
      <c r="AD16" s="16">
        <v>132342</v>
      </c>
      <c r="AE16" s="17">
        <v>50.831490000000002</v>
      </c>
    </row>
    <row r="17" spans="1:31" x14ac:dyDescent="0.15">
      <c r="A17" s="18" t="s">
        <v>193</v>
      </c>
      <c r="B17" s="18" t="s">
        <v>192</v>
      </c>
      <c r="C17" s="18" t="s">
        <v>153</v>
      </c>
      <c r="D17" s="18" t="s">
        <v>9</v>
      </c>
      <c r="E17" s="18" t="s">
        <v>5</v>
      </c>
      <c r="F17" s="18" t="s">
        <v>157</v>
      </c>
      <c r="G17" s="16">
        <v>54947</v>
      </c>
      <c r="H17" s="16">
        <v>10204</v>
      </c>
      <c r="I17" s="16">
        <v>9532</v>
      </c>
      <c r="J17" s="16">
        <v>7673</v>
      </c>
      <c r="K17" s="16">
        <v>5565</v>
      </c>
      <c r="L17" s="16">
        <v>5094</v>
      </c>
      <c r="M17" s="16">
        <v>5067</v>
      </c>
      <c r="N17" s="16">
        <v>3722</v>
      </c>
      <c r="O17" s="16">
        <v>2469</v>
      </c>
      <c r="P17" s="16">
        <v>1790</v>
      </c>
      <c r="Q17" s="16">
        <v>1702</v>
      </c>
      <c r="R17" s="16">
        <v>1326</v>
      </c>
      <c r="S17" s="16">
        <v>483</v>
      </c>
      <c r="T17" s="16">
        <v>180</v>
      </c>
      <c r="U17" s="16">
        <v>97</v>
      </c>
      <c r="V17" s="16">
        <v>35</v>
      </c>
      <c r="W17" s="16">
        <v>8</v>
      </c>
      <c r="X17" s="16" t="s">
        <v>304</v>
      </c>
      <c r="Y17" s="16" t="s">
        <v>304</v>
      </c>
      <c r="Z17" s="16">
        <v>52818</v>
      </c>
      <c r="AA17" s="16">
        <v>2129</v>
      </c>
      <c r="AB17" s="16">
        <v>320</v>
      </c>
      <c r="AC17" s="16">
        <v>43</v>
      </c>
      <c r="AD17" s="16">
        <v>43940</v>
      </c>
      <c r="AE17" s="17">
        <v>33.715699999999998</v>
      </c>
    </row>
    <row r="18" spans="1:31" x14ac:dyDescent="0.15">
      <c r="A18" s="18" t="s">
        <v>193</v>
      </c>
      <c r="B18" s="18" t="s">
        <v>192</v>
      </c>
      <c r="C18" s="18" t="s">
        <v>153</v>
      </c>
      <c r="D18" s="18" t="s">
        <v>9</v>
      </c>
      <c r="E18" s="18" t="s">
        <v>5</v>
      </c>
      <c r="F18" s="18" t="s">
        <v>156</v>
      </c>
      <c r="G18" s="16">
        <v>108417</v>
      </c>
      <c r="H18" s="16">
        <v>25</v>
      </c>
      <c r="I18" s="16">
        <v>389</v>
      </c>
      <c r="J18" s="16">
        <v>2727</v>
      </c>
      <c r="K18" s="16">
        <v>5951</v>
      </c>
      <c r="L18" s="16">
        <v>8606</v>
      </c>
      <c r="M18" s="16">
        <v>11294</v>
      </c>
      <c r="N18" s="16">
        <v>9678</v>
      </c>
      <c r="O18" s="16">
        <v>9185</v>
      </c>
      <c r="P18" s="16">
        <v>9029</v>
      </c>
      <c r="Q18" s="16">
        <v>10631</v>
      </c>
      <c r="R18" s="16">
        <v>13411</v>
      </c>
      <c r="S18" s="16">
        <v>10506</v>
      </c>
      <c r="T18" s="16">
        <v>7851</v>
      </c>
      <c r="U18" s="16">
        <v>5459</v>
      </c>
      <c r="V18" s="16">
        <v>2803</v>
      </c>
      <c r="W18" s="16">
        <v>755</v>
      </c>
      <c r="X18" s="16">
        <v>109</v>
      </c>
      <c r="Y18" s="16">
        <v>8</v>
      </c>
      <c r="Z18" s="16">
        <v>67515</v>
      </c>
      <c r="AA18" s="16">
        <v>40902</v>
      </c>
      <c r="AB18" s="16">
        <v>16985</v>
      </c>
      <c r="AC18" s="16">
        <v>3675</v>
      </c>
      <c r="AD18" s="16">
        <v>80901</v>
      </c>
      <c r="AE18" s="17">
        <v>57.706119999999999</v>
      </c>
    </row>
    <row r="19" spans="1:31" x14ac:dyDescent="0.15">
      <c r="A19" s="18" t="s">
        <v>193</v>
      </c>
      <c r="B19" s="18" t="s">
        <v>192</v>
      </c>
      <c r="C19" s="18" t="s">
        <v>153</v>
      </c>
      <c r="D19" s="18" t="s">
        <v>9</v>
      </c>
      <c r="E19" s="18" t="s">
        <v>5</v>
      </c>
      <c r="F19" s="18" t="s">
        <v>155</v>
      </c>
      <c r="G19" s="16">
        <v>5694</v>
      </c>
      <c r="H19" s="16" t="s">
        <v>304</v>
      </c>
      <c r="I19" s="16" t="s">
        <v>304</v>
      </c>
      <c r="J19" s="16">
        <v>2</v>
      </c>
      <c r="K19" s="16">
        <v>1</v>
      </c>
      <c r="L19" s="16">
        <v>13</v>
      </c>
      <c r="M19" s="16">
        <v>32</v>
      </c>
      <c r="N19" s="16">
        <v>51</v>
      </c>
      <c r="O19" s="16">
        <v>87</v>
      </c>
      <c r="P19" s="16">
        <v>157</v>
      </c>
      <c r="Q19" s="16">
        <v>354</v>
      </c>
      <c r="R19" s="16">
        <v>669</v>
      </c>
      <c r="S19" s="16">
        <v>785</v>
      </c>
      <c r="T19" s="16">
        <v>895</v>
      </c>
      <c r="U19" s="16">
        <v>1084</v>
      </c>
      <c r="V19" s="16">
        <v>924</v>
      </c>
      <c r="W19" s="16">
        <v>478</v>
      </c>
      <c r="X19" s="16">
        <v>138</v>
      </c>
      <c r="Y19" s="16">
        <v>24</v>
      </c>
      <c r="Z19" s="16">
        <v>697</v>
      </c>
      <c r="AA19" s="16">
        <v>4997</v>
      </c>
      <c r="AB19" s="16">
        <v>3543</v>
      </c>
      <c r="AC19" s="16">
        <v>1564</v>
      </c>
      <c r="AD19" s="16">
        <v>1366</v>
      </c>
      <c r="AE19" s="17">
        <v>77.632239999999996</v>
      </c>
    </row>
    <row r="20" spans="1:31" x14ac:dyDescent="0.15">
      <c r="A20" s="18" t="s">
        <v>193</v>
      </c>
      <c r="B20" s="18" t="s">
        <v>192</v>
      </c>
      <c r="C20" s="18" t="s">
        <v>153</v>
      </c>
      <c r="D20" s="18" t="s">
        <v>9</v>
      </c>
      <c r="E20" s="18" t="s">
        <v>5</v>
      </c>
      <c r="F20" s="18" t="s">
        <v>154</v>
      </c>
      <c r="G20" s="16">
        <v>7307</v>
      </c>
      <c r="H20" s="16">
        <v>1</v>
      </c>
      <c r="I20" s="16">
        <v>16</v>
      </c>
      <c r="J20" s="16">
        <v>90</v>
      </c>
      <c r="K20" s="16">
        <v>255</v>
      </c>
      <c r="L20" s="16">
        <v>439</v>
      </c>
      <c r="M20" s="16">
        <v>782</v>
      </c>
      <c r="N20" s="16">
        <v>876</v>
      </c>
      <c r="O20" s="16">
        <v>855</v>
      </c>
      <c r="P20" s="16">
        <v>803</v>
      </c>
      <c r="Q20" s="16">
        <v>936</v>
      </c>
      <c r="R20" s="16">
        <v>1083</v>
      </c>
      <c r="S20" s="16">
        <v>613</v>
      </c>
      <c r="T20" s="16">
        <v>347</v>
      </c>
      <c r="U20" s="16">
        <v>154</v>
      </c>
      <c r="V20" s="16">
        <v>50</v>
      </c>
      <c r="W20" s="16">
        <v>6</v>
      </c>
      <c r="X20" s="16" t="s">
        <v>304</v>
      </c>
      <c r="Y20" s="16">
        <v>1</v>
      </c>
      <c r="Z20" s="16">
        <v>5053</v>
      </c>
      <c r="AA20" s="16">
        <v>2254</v>
      </c>
      <c r="AB20" s="16">
        <v>558</v>
      </c>
      <c r="AC20" s="16">
        <v>57</v>
      </c>
      <c r="AD20" s="16">
        <v>6135</v>
      </c>
      <c r="AE20" s="17">
        <v>56.652180000000001</v>
      </c>
    </row>
    <row r="21" spans="1:31" x14ac:dyDescent="0.15">
      <c r="A21" s="18" t="s">
        <v>193</v>
      </c>
      <c r="B21" s="18" t="s">
        <v>192</v>
      </c>
      <c r="C21" s="18" t="s">
        <v>153</v>
      </c>
      <c r="D21" s="18" t="s">
        <v>9</v>
      </c>
      <c r="E21" s="18" t="s">
        <v>4</v>
      </c>
      <c r="F21" s="18" t="s">
        <v>3</v>
      </c>
      <c r="G21" s="16">
        <v>189558</v>
      </c>
      <c r="H21" s="16">
        <v>9405</v>
      </c>
      <c r="I21" s="16">
        <v>8876</v>
      </c>
      <c r="J21" s="16">
        <v>9629</v>
      </c>
      <c r="K21" s="16">
        <v>11078</v>
      </c>
      <c r="L21" s="16">
        <v>13285</v>
      </c>
      <c r="M21" s="16">
        <v>16572</v>
      </c>
      <c r="N21" s="16">
        <v>13704</v>
      </c>
      <c r="O21" s="16">
        <v>12591</v>
      </c>
      <c r="P21" s="16">
        <v>12090</v>
      </c>
      <c r="Q21" s="16">
        <v>14186</v>
      </c>
      <c r="R21" s="16">
        <v>17809</v>
      </c>
      <c r="S21" s="16">
        <v>14532</v>
      </c>
      <c r="T21" s="16">
        <v>11920</v>
      </c>
      <c r="U21" s="16">
        <v>10803</v>
      </c>
      <c r="V21" s="16">
        <v>7703</v>
      </c>
      <c r="W21" s="16">
        <v>3987</v>
      </c>
      <c r="X21" s="16">
        <v>1179</v>
      </c>
      <c r="Y21" s="16">
        <v>209</v>
      </c>
      <c r="Z21" s="16">
        <v>121416</v>
      </c>
      <c r="AA21" s="16">
        <v>68142</v>
      </c>
      <c r="AB21" s="16">
        <v>35801</v>
      </c>
      <c r="AC21" s="16">
        <v>13078</v>
      </c>
      <c r="AD21" s="16">
        <v>129820</v>
      </c>
      <c r="AE21" s="17">
        <v>54.499850000000002</v>
      </c>
    </row>
    <row r="22" spans="1:31" x14ac:dyDescent="0.15">
      <c r="A22" s="18" t="s">
        <v>193</v>
      </c>
      <c r="B22" s="18" t="s">
        <v>192</v>
      </c>
      <c r="C22" s="18" t="s">
        <v>153</v>
      </c>
      <c r="D22" s="18" t="s">
        <v>9</v>
      </c>
      <c r="E22" s="18" t="s">
        <v>4</v>
      </c>
      <c r="F22" s="18" t="s">
        <v>157</v>
      </c>
      <c r="G22" s="16">
        <v>39041</v>
      </c>
      <c r="H22" s="16">
        <v>9376</v>
      </c>
      <c r="I22" s="16">
        <v>8187</v>
      </c>
      <c r="J22" s="16">
        <v>5680</v>
      </c>
      <c r="K22" s="16">
        <v>3629</v>
      </c>
      <c r="L22" s="16">
        <v>2915</v>
      </c>
      <c r="M22" s="16">
        <v>2855</v>
      </c>
      <c r="N22" s="16">
        <v>1902</v>
      </c>
      <c r="O22" s="16">
        <v>1224</v>
      </c>
      <c r="P22" s="16">
        <v>776</v>
      </c>
      <c r="Q22" s="16">
        <v>583</v>
      </c>
      <c r="R22" s="16">
        <v>656</v>
      </c>
      <c r="S22" s="16">
        <v>442</v>
      </c>
      <c r="T22" s="16">
        <v>306</v>
      </c>
      <c r="U22" s="16">
        <v>254</v>
      </c>
      <c r="V22" s="16">
        <v>176</v>
      </c>
      <c r="W22" s="16">
        <v>68</v>
      </c>
      <c r="X22" s="16">
        <v>11</v>
      </c>
      <c r="Y22" s="16">
        <v>1</v>
      </c>
      <c r="Z22" s="16">
        <v>37127</v>
      </c>
      <c r="AA22" s="16">
        <v>1914</v>
      </c>
      <c r="AB22" s="16">
        <v>816</v>
      </c>
      <c r="AC22" s="16">
        <v>256</v>
      </c>
      <c r="AD22" s="16">
        <v>28407</v>
      </c>
      <c r="AE22" s="17">
        <v>31.471340000000001</v>
      </c>
    </row>
    <row r="23" spans="1:31" x14ac:dyDescent="0.15">
      <c r="A23" s="18" t="s">
        <v>193</v>
      </c>
      <c r="B23" s="18" t="s">
        <v>192</v>
      </c>
      <c r="C23" s="18" t="s">
        <v>153</v>
      </c>
      <c r="D23" s="18" t="s">
        <v>9</v>
      </c>
      <c r="E23" s="18" t="s">
        <v>4</v>
      </c>
      <c r="F23" s="18" t="s">
        <v>156</v>
      </c>
      <c r="G23" s="16">
        <v>107727</v>
      </c>
      <c r="H23" s="16">
        <v>25</v>
      </c>
      <c r="I23" s="16">
        <v>645</v>
      </c>
      <c r="J23" s="16">
        <v>3752</v>
      </c>
      <c r="K23" s="16">
        <v>6974</v>
      </c>
      <c r="L23" s="16">
        <v>9513</v>
      </c>
      <c r="M23" s="16">
        <v>12234</v>
      </c>
      <c r="N23" s="16">
        <v>10245</v>
      </c>
      <c r="O23" s="16">
        <v>9711</v>
      </c>
      <c r="P23" s="16">
        <v>9612</v>
      </c>
      <c r="Q23" s="16">
        <v>11120</v>
      </c>
      <c r="R23" s="16">
        <v>13070</v>
      </c>
      <c r="S23" s="16">
        <v>9502</v>
      </c>
      <c r="T23" s="16">
        <v>6094</v>
      </c>
      <c r="U23" s="16">
        <v>3657</v>
      </c>
      <c r="V23" s="16">
        <v>1309</v>
      </c>
      <c r="W23" s="16">
        <v>236</v>
      </c>
      <c r="X23" s="16">
        <v>25</v>
      </c>
      <c r="Y23" s="16">
        <v>3</v>
      </c>
      <c r="Z23" s="16">
        <v>73831</v>
      </c>
      <c r="AA23" s="16">
        <v>33896</v>
      </c>
      <c r="AB23" s="16">
        <v>11324</v>
      </c>
      <c r="AC23" s="16">
        <v>1573</v>
      </c>
      <c r="AD23" s="16">
        <v>86876</v>
      </c>
      <c r="AE23" s="17">
        <v>55.21848</v>
      </c>
    </row>
    <row r="24" spans="1:31" x14ac:dyDescent="0.15">
      <c r="A24" s="18" t="s">
        <v>193</v>
      </c>
      <c r="B24" s="18" t="s">
        <v>192</v>
      </c>
      <c r="C24" s="18" t="s">
        <v>153</v>
      </c>
      <c r="D24" s="18" t="s">
        <v>9</v>
      </c>
      <c r="E24" s="18" t="s">
        <v>4</v>
      </c>
      <c r="F24" s="18" t="s">
        <v>155</v>
      </c>
      <c r="G24" s="16">
        <v>31485</v>
      </c>
      <c r="H24" s="16">
        <v>1</v>
      </c>
      <c r="I24" s="16">
        <v>4</v>
      </c>
      <c r="J24" s="16">
        <v>4</v>
      </c>
      <c r="K24" s="16">
        <v>14</v>
      </c>
      <c r="L24" s="16">
        <v>38</v>
      </c>
      <c r="M24" s="16">
        <v>98</v>
      </c>
      <c r="N24" s="16">
        <v>182</v>
      </c>
      <c r="O24" s="16">
        <v>352</v>
      </c>
      <c r="P24" s="16">
        <v>622</v>
      </c>
      <c r="Q24" s="16">
        <v>1284</v>
      </c>
      <c r="R24" s="16">
        <v>2693</v>
      </c>
      <c r="S24" s="16">
        <v>3672</v>
      </c>
      <c r="T24" s="16">
        <v>5014</v>
      </c>
      <c r="U24" s="16">
        <v>6534</v>
      </c>
      <c r="V24" s="16">
        <v>6026</v>
      </c>
      <c r="W24" s="16">
        <v>3619</v>
      </c>
      <c r="X24" s="16">
        <v>1125</v>
      </c>
      <c r="Y24" s="16">
        <v>203</v>
      </c>
      <c r="Z24" s="16">
        <v>2599</v>
      </c>
      <c r="AA24" s="16">
        <v>28886</v>
      </c>
      <c r="AB24" s="16">
        <v>22521</v>
      </c>
      <c r="AC24" s="16">
        <v>10973</v>
      </c>
      <c r="AD24" s="16">
        <v>5291</v>
      </c>
      <c r="AE24" s="17">
        <v>79.997699999999995</v>
      </c>
    </row>
    <row r="25" spans="1:31" x14ac:dyDescent="0.15">
      <c r="A25" s="18" t="s">
        <v>193</v>
      </c>
      <c r="B25" s="18" t="s">
        <v>192</v>
      </c>
      <c r="C25" s="18" t="s">
        <v>153</v>
      </c>
      <c r="D25" s="18" t="s">
        <v>9</v>
      </c>
      <c r="E25" s="18" t="s">
        <v>4</v>
      </c>
      <c r="F25" s="18" t="s">
        <v>154</v>
      </c>
      <c r="G25" s="16">
        <v>11305</v>
      </c>
      <c r="H25" s="16">
        <v>3</v>
      </c>
      <c r="I25" s="16">
        <v>40</v>
      </c>
      <c r="J25" s="16">
        <v>193</v>
      </c>
      <c r="K25" s="16">
        <v>461</v>
      </c>
      <c r="L25" s="16">
        <v>819</v>
      </c>
      <c r="M25" s="16">
        <v>1385</v>
      </c>
      <c r="N25" s="16">
        <v>1375</v>
      </c>
      <c r="O25" s="16">
        <v>1304</v>
      </c>
      <c r="P25" s="16">
        <v>1080</v>
      </c>
      <c r="Q25" s="16">
        <v>1199</v>
      </c>
      <c r="R25" s="16">
        <v>1390</v>
      </c>
      <c r="S25" s="16">
        <v>916</v>
      </c>
      <c r="T25" s="16">
        <v>506</v>
      </c>
      <c r="U25" s="16">
        <v>358</v>
      </c>
      <c r="V25" s="16">
        <v>192</v>
      </c>
      <c r="W25" s="16">
        <v>64</v>
      </c>
      <c r="X25" s="16">
        <v>18</v>
      </c>
      <c r="Y25" s="16">
        <v>2</v>
      </c>
      <c r="Z25" s="16">
        <v>7859</v>
      </c>
      <c r="AA25" s="16">
        <v>3446</v>
      </c>
      <c r="AB25" s="16">
        <v>1140</v>
      </c>
      <c r="AC25" s="16">
        <v>276</v>
      </c>
      <c r="AD25" s="16">
        <v>9246</v>
      </c>
      <c r="AE25" s="17">
        <v>56.166339999999998</v>
      </c>
    </row>
    <row r="26" spans="1:31" x14ac:dyDescent="0.15">
      <c r="A26" s="18" t="s">
        <v>193</v>
      </c>
      <c r="B26" s="18" t="s">
        <v>192</v>
      </c>
      <c r="C26" s="18" t="s">
        <v>153</v>
      </c>
      <c r="D26" s="18" t="s">
        <v>8</v>
      </c>
      <c r="E26" s="18" t="s">
        <v>3</v>
      </c>
      <c r="F26" s="18" t="s">
        <v>3</v>
      </c>
      <c r="G26" s="16">
        <v>361991</v>
      </c>
      <c r="H26" s="16">
        <v>19497</v>
      </c>
      <c r="I26" s="16">
        <v>18225</v>
      </c>
      <c r="J26" s="16">
        <v>19464</v>
      </c>
      <c r="K26" s="16">
        <v>22264</v>
      </c>
      <c r="L26" s="16">
        <v>27025</v>
      </c>
      <c r="M26" s="16">
        <v>33330</v>
      </c>
      <c r="N26" s="16">
        <v>27654</v>
      </c>
      <c r="O26" s="16">
        <v>24934</v>
      </c>
      <c r="P26" s="16">
        <v>23728</v>
      </c>
      <c r="Q26" s="16">
        <v>27690</v>
      </c>
      <c r="R26" s="16">
        <v>34211</v>
      </c>
      <c r="S26" s="16">
        <v>26856</v>
      </c>
      <c r="T26" s="16">
        <v>21153</v>
      </c>
      <c r="U26" s="16">
        <v>17566</v>
      </c>
      <c r="V26" s="16">
        <v>11505</v>
      </c>
      <c r="W26" s="16">
        <v>5224</v>
      </c>
      <c r="X26" s="16">
        <v>1424</v>
      </c>
      <c r="Y26" s="16">
        <v>241</v>
      </c>
      <c r="Z26" s="16">
        <v>243811</v>
      </c>
      <c r="AA26" s="16">
        <v>118180</v>
      </c>
      <c r="AB26" s="16">
        <v>57113</v>
      </c>
      <c r="AC26" s="16">
        <v>18394</v>
      </c>
      <c r="AD26" s="16">
        <v>258525</v>
      </c>
      <c r="AE26" s="17">
        <v>52.887909999999998</v>
      </c>
    </row>
    <row r="27" spans="1:31" x14ac:dyDescent="0.15">
      <c r="A27" s="18" t="s">
        <v>193</v>
      </c>
      <c r="B27" s="18" t="s">
        <v>192</v>
      </c>
      <c r="C27" s="18" t="s">
        <v>153</v>
      </c>
      <c r="D27" s="18" t="s">
        <v>8</v>
      </c>
      <c r="E27" s="18" t="s">
        <v>3</v>
      </c>
      <c r="F27" s="18" t="s">
        <v>157</v>
      </c>
      <c r="G27" s="16">
        <v>92603</v>
      </c>
      <c r="H27" s="16">
        <v>19442</v>
      </c>
      <c r="I27" s="16">
        <v>17183</v>
      </c>
      <c r="J27" s="16">
        <v>12992</v>
      </c>
      <c r="K27" s="16">
        <v>9059</v>
      </c>
      <c r="L27" s="16">
        <v>7954</v>
      </c>
      <c r="M27" s="16">
        <v>7877</v>
      </c>
      <c r="N27" s="16">
        <v>5595</v>
      </c>
      <c r="O27" s="16">
        <v>3659</v>
      </c>
      <c r="P27" s="16">
        <v>2550</v>
      </c>
      <c r="Q27" s="16">
        <v>2262</v>
      </c>
      <c r="R27" s="16">
        <v>1973</v>
      </c>
      <c r="S27" s="16">
        <v>923</v>
      </c>
      <c r="T27" s="16">
        <v>485</v>
      </c>
      <c r="U27" s="16">
        <v>351</v>
      </c>
      <c r="V27" s="16">
        <v>210</v>
      </c>
      <c r="W27" s="16">
        <v>76</v>
      </c>
      <c r="X27" s="16">
        <v>11</v>
      </c>
      <c r="Y27" s="16">
        <v>1</v>
      </c>
      <c r="Z27" s="16">
        <v>88573</v>
      </c>
      <c r="AA27" s="16">
        <v>4030</v>
      </c>
      <c r="AB27" s="16">
        <v>1134</v>
      </c>
      <c r="AC27" s="16">
        <v>298</v>
      </c>
      <c r="AD27" s="16">
        <v>71104</v>
      </c>
      <c r="AE27" s="17">
        <v>32.851480000000002</v>
      </c>
    </row>
    <row r="28" spans="1:31" x14ac:dyDescent="0.15">
      <c r="A28" s="18" t="s">
        <v>193</v>
      </c>
      <c r="B28" s="18" t="s">
        <v>192</v>
      </c>
      <c r="C28" s="18" t="s">
        <v>153</v>
      </c>
      <c r="D28" s="18" t="s">
        <v>8</v>
      </c>
      <c r="E28" s="18" t="s">
        <v>3</v>
      </c>
      <c r="F28" s="18" t="s">
        <v>156</v>
      </c>
      <c r="G28" s="16">
        <v>213935</v>
      </c>
      <c r="H28" s="16">
        <v>50</v>
      </c>
      <c r="I28" s="16">
        <v>984</v>
      </c>
      <c r="J28" s="16">
        <v>6190</v>
      </c>
      <c r="K28" s="16">
        <v>12503</v>
      </c>
      <c r="L28" s="16">
        <v>17790</v>
      </c>
      <c r="M28" s="16">
        <v>23205</v>
      </c>
      <c r="N28" s="16">
        <v>19622</v>
      </c>
      <c r="O28" s="16">
        <v>18711</v>
      </c>
      <c r="P28" s="16">
        <v>18543</v>
      </c>
      <c r="Q28" s="16">
        <v>21668</v>
      </c>
      <c r="R28" s="16">
        <v>26425</v>
      </c>
      <c r="S28" s="16">
        <v>19966</v>
      </c>
      <c r="T28" s="16">
        <v>13930</v>
      </c>
      <c r="U28" s="16">
        <v>9107</v>
      </c>
      <c r="V28" s="16">
        <v>4108</v>
      </c>
      <c r="W28" s="16">
        <v>988</v>
      </c>
      <c r="X28" s="16">
        <v>134</v>
      </c>
      <c r="Y28" s="16">
        <v>11</v>
      </c>
      <c r="Z28" s="16">
        <v>139266</v>
      </c>
      <c r="AA28" s="16">
        <v>74669</v>
      </c>
      <c r="AB28" s="16">
        <v>28278</v>
      </c>
      <c r="AC28" s="16">
        <v>5241</v>
      </c>
      <c r="AD28" s="16">
        <v>165641</v>
      </c>
      <c r="AE28" s="17">
        <v>56.613959999999999</v>
      </c>
    </row>
    <row r="29" spans="1:31" x14ac:dyDescent="0.15">
      <c r="A29" s="18" t="s">
        <v>193</v>
      </c>
      <c r="B29" s="18" t="s">
        <v>192</v>
      </c>
      <c r="C29" s="18" t="s">
        <v>153</v>
      </c>
      <c r="D29" s="18" t="s">
        <v>8</v>
      </c>
      <c r="E29" s="18" t="s">
        <v>3</v>
      </c>
      <c r="F29" s="18" t="s">
        <v>155</v>
      </c>
      <c r="G29" s="16">
        <v>37063</v>
      </c>
      <c r="H29" s="16">
        <v>1</v>
      </c>
      <c r="I29" s="16">
        <v>4</v>
      </c>
      <c r="J29" s="16">
        <v>5</v>
      </c>
      <c r="K29" s="16">
        <v>13</v>
      </c>
      <c r="L29" s="16">
        <v>48</v>
      </c>
      <c r="M29" s="16">
        <v>127</v>
      </c>
      <c r="N29" s="16">
        <v>223</v>
      </c>
      <c r="O29" s="16">
        <v>432</v>
      </c>
      <c r="P29" s="16">
        <v>771</v>
      </c>
      <c r="Q29" s="16">
        <v>1631</v>
      </c>
      <c r="R29" s="16">
        <v>3354</v>
      </c>
      <c r="S29" s="16">
        <v>4442</v>
      </c>
      <c r="T29" s="16">
        <v>5891</v>
      </c>
      <c r="U29" s="16">
        <v>7598</v>
      </c>
      <c r="V29" s="16">
        <v>6946</v>
      </c>
      <c r="W29" s="16">
        <v>4090</v>
      </c>
      <c r="X29" s="16">
        <v>1261</v>
      </c>
      <c r="Y29" s="16">
        <v>226</v>
      </c>
      <c r="Z29" s="16">
        <v>3255</v>
      </c>
      <c r="AA29" s="16">
        <v>33808</v>
      </c>
      <c r="AB29" s="16">
        <v>26012</v>
      </c>
      <c r="AC29" s="16">
        <v>12523</v>
      </c>
      <c r="AD29" s="16">
        <v>6608</v>
      </c>
      <c r="AE29" s="17">
        <v>79.667630000000003</v>
      </c>
    </row>
    <row r="30" spans="1:31" x14ac:dyDescent="0.15">
      <c r="A30" s="18" t="s">
        <v>193</v>
      </c>
      <c r="B30" s="18" t="s">
        <v>192</v>
      </c>
      <c r="C30" s="18" t="s">
        <v>153</v>
      </c>
      <c r="D30" s="18" t="s">
        <v>8</v>
      </c>
      <c r="E30" s="18" t="s">
        <v>3</v>
      </c>
      <c r="F30" s="18" t="s">
        <v>154</v>
      </c>
      <c r="G30" s="16">
        <v>18390</v>
      </c>
      <c r="H30" s="16">
        <v>4</v>
      </c>
      <c r="I30" s="16">
        <v>54</v>
      </c>
      <c r="J30" s="16">
        <v>277</v>
      </c>
      <c r="K30" s="16">
        <v>689</v>
      </c>
      <c r="L30" s="16">
        <v>1233</v>
      </c>
      <c r="M30" s="16">
        <v>2121</v>
      </c>
      <c r="N30" s="16">
        <v>2214</v>
      </c>
      <c r="O30" s="16">
        <v>2132</v>
      </c>
      <c r="P30" s="16">
        <v>1864</v>
      </c>
      <c r="Q30" s="16">
        <v>2129</v>
      </c>
      <c r="R30" s="16">
        <v>2459</v>
      </c>
      <c r="S30" s="16">
        <v>1525</v>
      </c>
      <c r="T30" s="16">
        <v>847</v>
      </c>
      <c r="U30" s="16">
        <v>510</v>
      </c>
      <c r="V30" s="16">
        <v>241</v>
      </c>
      <c r="W30" s="16">
        <v>70</v>
      </c>
      <c r="X30" s="16">
        <v>18</v>
      </c>
      <c r="Y30" s="16">
        <v>3</v>
      </c>
      <c r="Z30" s="16">
        <v>12717</v>
      </c>
      <c r="AA30" s="16">
        <v>5673</v>
      </c>
      <c r="AB30" s="16">
        <v>1689</v>
      </c>
      <c r="AC30" s="16">
        <v>332</v>
      </c>
      <c r="AD30" s="16">
        <v>15172</v>
      </c>
      <c r="AE30" s="17">
        <v>56.463889999999999</v>
      </c>
    </row>
    <row r="31" spans="1:31" x14ac:dyDescent="0.15">
      <c r="A31" s="18" t="s">
        <v>193</v>
      </c>
      <c r="B31" s="18" t="s">
        <v>192</v>
      </c>
      <c r="C31" s="18" t="s">
        <v>153</v>
      </c>
      <c r="D31" s="18" t="s">
        <v>8</v>
      </c>
      <c r="E31" s="18" t="s">
        <v>5</v>
      </c>
      <c r="F31" s="18" t="s">
        <v>3</v>
      </c>
      <c r="G31" s="16">
        <v>174700</v>
      </c>
      <c r="H31" s="16">
        <v>10162</v>
      </c>
      <c r="I31" s="16">
        <v>9601</v>
      </c>
      <c r="J31" s="16">
        <v>10138</v>
      </c>
      <c r="K31" s="16">
        <v>11533</v>
      </c>
      <c r="L31" s="16">
        <v>14013</v>
      </c>
      <c r="M31" s="16">
        <v>17047</v>
      </c>
      <c r="N31" s="16">
        <v>14229</v>
      </c>
      <c r="O31" s="16">
        <v>12512</v>
      </c>
      <c r="P31" s="16">
        <v>11728</v>
      </c>
      <c r="Q31" s="16">
        <v>13561</v>
      </c>
      <c r="R31" s="16">
        <v>16444</v>
      </c>
      <c r="S31" s="16">
        <v>12354</v>
      </c>
      <c r="T31" s="16">
        <v>9260</v>
      </c>
      <c r="U31" s="16">
        <v>6786</v>
      </c>
      <c r="V31" s="16">
        <v>3807</v>
      </c>
      <c r="W31" s="16">
        <v>1245</v>
      </c>
      <c r="X31" s="16">
        <v>247</v>
      </c>
      <c r="Y31" s="16">
        <v>33</v>
      </c>
      <c r="Z31" s="16">
        <v>124524</v>
      </c>
      <c r="AA31" s="16">
        <v>50176</v>
      </c>
      <c r="AB31" s="16">
        <v>21378</v>
      </c>
      <c r="AC31" s="16">
        <v>5332</v>
      </c>
      <c r="AD31" s="16">
        <v>130806</v>
      </c>
      <c r="AE31" s="17">
        <v>50.969799999999999</v>
      </c>
    </row>
    <row r="32" spans="1:31" x14ac:dyDescent="0.15">
      <c r="A32" s="18" t="s">
        <v>193</v>
      </c>
      <c r="B32" s="18" t="s">
        <v>192</v>
      </c>
      <c r="C32" s="18" t="s">
        <v>153</v>
      </c>
      <c r="D32" s="18" t="s">
        <v>8</v>
      </c>
      <c r="E32" s="18" t="s">
        <v>5</v>
      </c>
      <c r="F32" s="18" t="s">
        <v>157</v>
      </c>
      <c r="G32" s="16">
        <v>54145</v>
      </c>
      <c r="H32" s="16">
        <v>10136</v>
      </c>
      <c r="I32" s="16">
        <v>9218</v>
      </c>
      <c r="J32" s="16">
        <v>7446</v>
      </c>
      <c r="K32" s="16">
        <v>5489</v>
      </c>
      <c r="L32" s="16">
        <v>5066</v>
      </c>
      <c r="M32" s="16">
        <v>5040</v>
      </c>
      <c r="N32" s="16">
        <v>3706</v>
      </c>
      <c r="O32" s="16">
        <v>2452</v>
      </c>
      <c r="P32" s="16">
        <v>1781</v>
      </c>
      <c r="Q32" s="16">
        <v>1688</v>
      </c>
      <c r="R32" s="16">
        <v>1323</v>
      </c>
      <c r="S32" s="16">
        <v>482</v>
      </c>
      <c r="T32" s="16">
        <v>179</v>
      </c>
      <c r="U32" s="16">
        <v>97</v>
      </c>
      <c r="V32" s="16">
        <v>34</v>
      </c>
      <c r="W32" s="16">
        <v>8</v>
      </c>
      <c r="X32" s="16" t="s">
        <v>304</v>
      </c>
      <c r="Y32" s="16" t="s">
        <v>304</v>
      </c>
      <c r="Z32" s="16">
        <v>52022</v>
      </c>
      <c r="AA32" s="16">
        <v>2123</v>
      </c>
      <c r="AB32" s="16">
        <v>318</v>
      </c>
      <c r="AC32" s="16">
        <v>42</v>
      </c>
      <c r="AD32" s="16">
        <v>43209</v>
      </c>
      <c r="AE32" s="17">
        <v>33.798200000000001</v>
      </c>
    </row>
    <row r="33" spans="1:31" x14ac:dyDescent="0.15">
      <c r="A33" s="18" t="s">
        <v>193</v>
      </c>
      <c r="B33" s="18" t="s">
        <v>192</v>
      </c>
      <c r="C33" s="18" t="s">
        <v>153</v>
      </c>
      <c r="D33" s="18" t="s">
        <v>8</v>
      </c>
      <c r="E33" s="18" t="s">
        <v>5</v>
      </c>
      <c r="F33" s="18" t="s">
        <v>156</v>
      </c>
      <c r="G33" s="16">
        <v>107614</v>
      </c>
      <c r="H33" s="16">
        <v>25</v>
      </c>
      <c r="I33" s="16">
        <v>369</v>
      </c>
      <c r="J33" s="16">
        <v>2602</v>
      </c>
      <c r="K33" s="16">
        <v>5796</v>
      </c>
      <c r="L33" s="16">
        <v>8502</v>
      </c>
      <c r="M33" s="16">
        <v>11199</v>
      </c>
      <c r="N33" s="16">
        <v>9598</v>
      </c>
      <c r="O33" s="16">
        <v>9122</v>
      </c>
      <c r="P33" s="16">
        <v>8991</v>
      </c>
      <c r="Q33" s="16">
        <v>10588</v>
      </c>
      <c r="R33" s="16">
        <v>13375</v>
      </c>
      <c r="S33" s="16">
        <v>10479</v>
      </c>
      <c r="T33" s="16">
        <v>7843</v>
      </c>
      <c r="U33" s="16">
        <v>5456</v>
      </c>
      <c r="V33" s="16">
        <v>2799</v>
      </c>
      <c r="W33" s="16">
        <v>753</v>
      </c>
      <c r="X33" s="16">
        <v>109</v>
      </c>
      <c r="Y33" s="16">
        <v>8</v>
      </c>
      <c r="Z33" s="16">
        <v>66792</v>
      </c>
      <c r="AA33" s="16">
        <v>40822</v>
      </c>
      <c r="AB33" s="16">
        <v>16968</v>
      </c>
      <c r="AC33" s="16">
        <v>3669</v>
      </c>
      <c r="AD33" s="16">
        <v>80142</v>
      </c>
      <c r="AE33" s="17">
        <v>57.814459999999997</v>
      </c>
    </row>
    <row r="34" spans="1:31" x14ac:dyDescent="0.15">
      <c r="A34" s="18" t="s">
        <v>193</v>
      </c>
      <c r="B34" s="18" t="s">
        <v>192</v>
      </c>
      <c r="C34" s="18" t="s">
        <v>153</v>
      </c>
      <c r="D34" s="18" t="s">
        <v>8</v>
      </c>
      <c r="E34" s="18" t="s">
        <v>5</v>
      </c>
      <c r="F34" s="18" t="s">
        <v>155</v>
      </c>
      <c r="G34" s="16">
        <v>5682</v>
      </c>
      <c r="H34" s="16" t="s">
        <v>304</v>
      </c>
      <c r="I34" s="16" t="s">
        <v>304</v>
      </c>
      <c r="J34" s="16">
        <v>1</v>
      </c>
      <c r="K34" s="16">
        <v>1</v>
      </c>
      <c r="L34" s="16">
        <v>13</v>
      </c>
      <c r="M34" s="16">
        <v>32</v>
      </c>
      <c r="N34" s="16">
        <v>51</v>
      </c>
      <c r="O34" s="16">
        <v>87</v>
      </c>
      <c r="P34" s="16">
        <v>157</v>
      </c>
      <c r="Q34" s="16">
        <v>353</v>
      </c>
      <c r="R34" s="16">
        <v>668</v>
      </c>
      <c r="S34" s="16">
        <v>781</v>
      </c>
      <c r="T34" s="16">
        <v>894</v>
      </c>
      <c r="U34" s="16">
        <v>1080</v>
      </c>
      <c r="V34" s="16">
        <v>924</v>
      </c>
      <c r="W34" s="16">
        <v>478</v>
      </c>
      <c r="X34" s="16">
        <v>138</v>
      </c>
      <c r="Y34" s="16">
        <v>24</v>
      </c>
      <c r="Z34" s="16">
        <v>695</v>
      </c>
      <c r="AA34" s="16">
        <v>4987</v>
      </c>
      <c r="AB34" s="16">
        <v>3538</v>
      </c>
      <c r="AC34" s="16">
        <v>1564</v>
      </c>
      <c r="AD34" s="16">
        <v>1363</v>
      </c>
      <c r="AE34" s="17">
        <v>77.646429999999995</v>
      </c>
    </row>
    <row r="35" spans="1:31" x14ac:dyDescent="0.15">
      <c r="A35" s="18" t="s">
        <v>193</v>
      </c>
      <c r="B35" s="18" t="s">
        <v>192</v>
      </c>
      <c r="C35" s="18" t="s">
        <v>153</v>
      </c>
      <c r="D35" s="18" t="s">
        <v>8</v>
      </c>
      <c r="E35" s="18" t="s">
        <v>5</v>
      </c>
      <c r="F35" s="18" t="s">
        <v>154</v>
      </c>
      <c r="G35" s="16">
        <v>7259</v>
      </c>
      <c r="H35" s="16">
        <v>1</v>
      </c>
      <c r="I35" s="16">
        <v>14</v>
      </c>
      <c r="J35" s="16">
        <v>89</v>
      </c>
      <c r="K35" s="16">
        <v>247</v>
      </c>
      <c r="L35" s="16">
        <v>432</v>
      </c>
      <c r="M35" s="16">
        <v>776</v>
      </c>
      <c r="N35" s="16">
        <v>874</v>
      </c>
      <c r="O35" s="16">
        <v>851</v>
      </c>
      <c r="P35" s="16">
        <v>799</v>
      </c>
      <c r="Q35" s="16">
        <v>932</v>
      </c>
      <c r="R35" s="16">
        <v>1078</v>
      </c>
      <c r="S35" s="16">
        <v>612</v>
      </c>
      <c r="T35" s="16">
        <v>344</v>
      </c>
      <c r="U35" s="16">
        <v>153</v>
      </c>
      <c r="V35" s="16">
        <v>50</v>
      </c>
      <c r="W35" s="16">
        <v>6</v>
      </c>
      <c r="X35" s="16" t="s">
        <v>304</v>
      </c>
      <c r="Y35" s="16">
        <v>1</v>
      </c>
      <c r="Z35" s="16">
        <v>5015</v>
      </c>
      <c r="AA35" s="16">
        <v>2244</v>
      </c>
      <c r="AB35" s="16">
        <v>554</v>
      </c>
      <c r="AC35" s="16">
        <v>57</v>
      </c>
      <c r="AD35" s="16">
        <v>6092</v>
      </c>
      <c r="AE35" s="17">
        <v>56.70044</v>
      </c>
    </row>
    <row r="36" spans="1:31" x14ac:dyDescent="0.15">
      <c r="A36" s="18" t="s">
        <v>193</v>
      </c>
      <c r="B36" s="18" t="s">
        <v>192</v>
      </c>
      <c r="C36" s="18" t="s">
        <v>153</v>
      </c>
      <c r="D36" s="18" t="s">
        <v>8</v>
      </c>
      <c r="E36" s="18" t="s">
        <v>4</v>
      </c>
      <c r="F36" s="18" t="s">
        <v>3</v>
      </c>
      <c r="G36" s="16">
        <v>187291</v>
      </c>
      <c r="H36" s="16">
        <v>9335</v>
      </c>
      <c r="I36" s="16">
        <v>8624</v>
      </c>
      <c r="J36" s="16">
        <v>9326</v>
      </c>
      <c r="K36" s="16">
        <v>10731</v>
      </c>
      <c r="L36" s="16">
        <v>13012</v>
      </c>
      <c r="M36" s="16">
        <v>16283</v>
      </c>
      <c r="N36" s="16">
        <v>13425</v>
      </c>
      <c r="O36" s="16">
        <v>12422</v>
      </c>
      <c r="P36" s="16">
        <v>12000</v>
      </c>
      <c r="Q36" s="16">
        <v>14129</v>
      </c>
      <c r="R36" s="16">
        <v>17767</v>
      </c>
      <c r="S36" s="16">
        <v>14502</v>
      </c>
      <c r="T36" s="16">
        <v>11893</v>
      </c>
      <c r="U36" s="16">
        <v>10780</v>
      </c>
      <c r="V36" s="16">
        <v>7698</v>
      </c>
      <c r="W36" s="16">
        <v>3979</v>
      </c>
      <c r="X36" s="16">
        <v>1177</v>
      </c>
      <c r="Y36" s="16">
        <v>208</v>
      </c>
      <c r="Z36" s="16">
        <v>119287</v>
      </c>
      <c r="AA36" s="16">
        <v>68004</v>
      </c>
      <c r="AB36" s="16">
        <v>35735</v>
      </c>
      <c r="AC36" s="16">
        <v>13062</v>
      </c>
      <c r="AD36" s="16">
        <v>127719</v>
      </c>
      <c r="AE36" s="17">
        <v>54.677070000000001</v>
      </c>
    </row>
    <row r="37" spans="1:31" x14ac:dyDescent="0.15">
      <c r="A37" s="18" t="s">
        <v>193</v>
      </c>
      <c r="B37" s="18" t="s">
        <v>192</v>
      </c>
      <c r="C37" s="18" t="s">
        <v>153</v>
      </c>
      <c r="D37" s="18" t="s">
        <v>8</v>
      </c>
      <c r="E37" s="18" t="s">
        <v>4</v>
      </c>
      <c r="F37" s="18" t="s">
        <v>157</v>
      </c>
      <c r="G37" s="16">
        <v>38458</v>
      </c>
      <c r="H37" s="16">
        <v>9306</v>
      </c>
      <c r="I37" s="16">
        <v>7965</v>
      </c>
      <c r="J37" s="16">
        <v>5546</v>
      </c>
      <c r="K37" s="16">
        <v>3570</v>
      </c>
      <c r="L37" s="16">
        <v>2888</v>
      </c>
      <c r="M37" s="16">
        <v>2837</v>
      </c>
      <c r="N37" s="16">
        <v>1889</v>
      </c>
      <c r="O37" s="16">
        <v>1207</v>
      </c>
      <c r="P37" s="16">
        <v>769</v>
      </c>
      <c r="Q37" s="16">
        <v>574</v>
      </c>
      <c r="R37" s="16">
        <v>650</v>
      </c>
      <c r="S37" s="16">
        <v>441</v>
      </c>
      <c r="T37" s="16">
        <v>306</v>
      </c>
      <c r="U37" s="16">
        <v>254</v>
      </c>
      <c r="V37" s="16">
        <v>176</v>
      </c>
      <c r="W37" s="16">
        <v>68</v>
      </c>
      <c r="X37" s="16">
        <v>11</v>
      </c>
      <c r="Y37" s="16">
        <v>1</v>
      </c>
      <c r="Z37" s="16">
        <v>36551</v>
      </c>
      <c r="AA37" s="16">
        <v>1907</v>
      </c>
      <c r="AB37" s="16">
        <v>816</v>
      </c>
      <c r="AC37" s="16">
        <v>256</v>
      </c>
      <c r="AD37" s="16">
        <v>27895</v>
      </c>
      <c r="AE37" s="17">
        <v>31.51859</v>
      </c>
    </row>
    <row r="38" spans="1:31" x14ac:dyDescent="0.15">
      <c r="A38" s="18" t="s">
        <v>193</v>
      </c>
      <c r="B38" s="18" t="s">
        <v>192</v>
      </c>
      <c r="C38" s="18" t="s">
        <v>153</v>
      </c>
      <c r="D38" s="18" t="s">
        <v>8</v>
      </c>
      <c r="E38" s="18" t="s">
        <v>4</v>
      </c>
      <c r="F38" s="18" t="s">
        <v>156</v>
      </c>
      <c r="G38" s="16">
        <v>106321</v>
      </c>
      <c r="H38" s="16">
        <v>25</v>
      </c>
      <c r="I38" s="16">
        <v>615</v>
      </c>
      <c r="J38" s="16">
        <v>3588</v>
      </c>
      <c r="K38" s="16">
        <v>6707</v>
      </c>
      <c r="L38" s="16">
        <v>9288</v>
      </c>
      <c r="M38" s="16">
        <v>12006</v>
      </c>
      <c r="N38" s="16">
        <v>10024</v>
      </c>
      <c r="O38" s="16">
        <v>9589</v>
      </c>
      <c r="P38" s="16">
        <v>9552</v>
      </c>
      <c r="Q38" s="16">
        <v>11080</v>
      </c>
      <c r="R38" s="16">
        <v>13050</v>
      </c>
      <c r="S38" s="16">
        <v>9487</v>
      </c>
      <c r="T38" s="16">
        <v>6087</v>
      </c>
      <c r="U38" s="16">
        <v>3651</v>
      </c>
      <c r="V38" s="16">
        <v>1309</v>
      </c>
      <c r="W38" s="16">
        <v>235</v>
      </c>
      <c r="X38" s="16">
        <v>25</v>
      </c>
      <c r="Y38" s="16">
        <v>3</v>
      </c>
      <c r="Z38" s="16">
        <v>72474</v>
      </c>
      <c r="AA38" s="16">
        <v>33847</v>
      </c>
      <c r="AB38" s="16">
        <v>11310</v>
      </c>
      <c r="AC38" s="16">
        <v>1572</v>
      </c>
      <c r="AD38" s="16">
        <v>85499</v>
      </c>
      <c r="AE38" s="17">
        <v>55.398870000000002</v>
      </c>
    </row>
    <row r="39" spans="1:31" x14ac:dyDescent="0.15">
      <c r="A39" s="18" t="s">
        <v>193</v>
      </c>
      <c r="B39" s="18" t="s">
        <v>192</v>
      </c>
      <c r="C39" s="18" t="s">
        <v>153</v>
      </c>
      <c r="D39" s="18" t="s">
        <v>8</v>
      </c>
      <c r="E39" s="18" t="s">
        <v>4</v>
      </c>
      <c r="F39" s="18" t="s">
        <v>155</v>
      </c>
      <c r="G39" s="16">
        <v>31381</v>
      </c>
      <c r="H39" s="16">
        <v>1</v>
      </c>
      <c r="I39" s="16">
        <v>4</v>
      </c>
      <c r="J39" s="16">
        <v>4</v>
      </c>
      <c r="K39" s="16">
        <v>12</v>
      </c>
      <c r="L39" s="16">
        <v>35</v>
      </c>
      <c r="M39" s="16">
        <v>95</v>
      </c>
      <c r="N39" s="16">
        <v>172</v>
      </c>
      <c r="O39" s="16">
        <v>345</v>
      </c>
      <c r="P39" s="16">
        <v>614</v>
      </c>
      <c r="Q39" s="16">
        <v>1278</v>
      </c>
      <c r="R39" s="16">
        <v>2686</v>
      </c>
      <c r="S39" s="16">
        <v>3661</v>
      </c>
      <c r="T39" s="16">
        <v>4997</v>
      </c>
      <c r="U39" s="16">
        <v>6518</v>
      </c>
      <c r="V39" s="16">
        <v>6022</v>
      </c>
      <c r="W39" s="16">
        <v>3612</v>
      </c>
      <c r="X39" s="16">
        <v>1123</v>
      </c>
      <c r="Y39" s="16">
        <v>202</v>
      </c>
      <c r="Z39" s="16">
        <v>2560</v>
      </c>
      <c r="AA39" s="16">
        <v>28821</v>
      </c>
      <c r="AB39" s="16">
        <v>22474</v>
      </c>
      <c r="AC39" s="16">
        <v>10959</v>
      </c>
      <c r="AD39" s="16">
        <v>5245</v>
      </c>
      <c r="AE39" s="17">
        <v>80.033600000000007</v>
      </c>
    </row>
    <row r="40" spans="1:31" x14ac:dyDescent="0.15">
      <c r="A40" s="18" t="s">
        <v>193</v>
      </c>
      <c r="B40" s="18" t="s">
        <v>192</v>
      </c>
      <c r="C40" s="18" t="s">
        <v>153</v>
      </c>
      <c r="D40" s="18" t="s">
        <v>8</v>
      </c>
      <c r="E40" s="18" t="s">
        <v>4</v>
      </c>
      <c r="F40" s="18" t="s">
        <v>154</v>
      </c>
      <c r="G40" s="16">
        <v>11131</v>
      </c>
      <c r="H40" s="16">
        <v>3</v>
      </c>
      <c r="I40" s="16">
        <v>40</v>
      </c>
      <c r="J40" s="16">
        <v>188</v>
      </c>
      <c r="K40" s="16">
        <v>442</v>
      </c>
      <c r="L40" s="16">
        <v>801</v>
      </c>
      <c r="M40" s="16">
        <v>1345</v>
      </c>
      <c r="N40" s="16">
        <v>1340</v>
      </c>
      <c r="O40" s="16">
        <v>1281</v>
      </c>
      <c r="P40" s="16">
        <v>1065</v>
      </c>
      <c r="Q40" s="16">
        <v>1197</v>
      </c>
      <c r="R40" s="16">
        <v>1381</v>
      </c>
      <c r="S40" s="16">
        <v>913</v>
      </c>
      <c r="T40" s="16">
        <v>503</v>
      </c>
      <c r="U40" s="16">
        <v>357</v>
      </c>
      <c r="V40" s="16">
        <v>191</v>
      </c>
      <c r="W40" s="16">
        <v>64</v>
      </c>
      <c r="X40" s="16">
        <v>18</v>
      </c>
      <c r="Y40" s="16">
        <v>2</v>
      </c>
      <c r="Z40" s="16">
        <v>7702</v>
      </c>
      <c r="AA40" s="16">
        <v>3429</v>
      </c>
      <c r="AB40" s="16">
        <v>1135</v>
      </c>
      <c r="AC40" s="16">
        <v>275</v>
      </c>
      <c r="AD40" s="16">
        <v>9080</v>
      </c>
      <c r="AE40" s="17">
        <v>56.309629999999999</v>
      </c>
    </row>
  </sheetData>
  <phoneticPr fontId="3"/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34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E39" sqref="E39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30" width="12.625" style="11" customWidth="1"/>
    <col min="31" max="16384" width="9" style="11"/>
  </cols>
  <sheetData>
    <row r="1" spans="1:30" x14ac:dyDescent="0.15">
      <c r="A1" s="11" t="s">
        <v>357</v>
      </c>
    </row>
    <row r="2" spans="1:30" x14ac:dyDescent="0.15">
      <c r="A2" s="11" t="s">
        <v>330</v>
      </c>
    </row>
    <row r="3" spans="1:30" x14ac:dyDescent="0.15">
      <c r="A3" s="11" t="s">
        <v>211</v>
      </c>
    </row>
    <row r="4" spans="1:30" hidden="1" x14ac:dyDescent="0.15">
      <c r="A4" s="11" t="s">
        <v>211</v>
      </c>
    </row>
    <row r="5" spans="1:30" ht="36" collapsed="1" x14ac:dyDescent="0.15">
      <c r="A5" s="11" t="s">
        <v>211</v>
      </c>
      <c r="G5" s="12" t="s">
        <v>311</v>
      </c>
      <c r="H5" s="12" t="s">
        <v>311</v>
      </c>
      <c r="I5" s="12" t="s">
        <v>311</v>
      </c>
      <c r="J5" s="12" t="s">
        <v>311</v>
      </c>
      <c r="K5" s="12" t="s">
        <v>311</v>
      </c>
      <c r="L5" s="12" t="s">
        <v>311</v>
      </c>
      <c r="M5" s="12" t="s">
        <v>311</v>
      </c>
      <c r="N5" s="12" t="s">
        <v>311</v>
      </c>
      <c r="O5" s="12" t="s">
        <v>311</v>
      </c>
      <c r="P5" s="12" t="s">
        <v>311</v>
      </c>
      <c r="Q5" s="12" t="s">
        <v>311</v>
      </c>
      <c r="R5" s="12" t="s">
        <v>311</v>
      </c>
      <c r="S5" s="12" t="s">
        <v>311</v>
      </c>
      <c r="T5" s="12" t="s">
        <v>311</v>
      </c>
      <c r="U5" s="12" t="s">
        <v>311</v>
      </c>
      <c r="V5" s="12" t="s">
        <v>311</v>
      </c>
      <c r="W5" s="12" t="s">
        <v>311</v>
      </c>
      <c r="X5" s="12" t="s">
        <v>311</v>
      </c>
      <c r="Y5" s="12" t="s">
        <v>311</v>
      </c>
      <c r="Z5" s="12" t="s">
        <v>311</v>
      </c>
      <c r="AA5" s="12" t="s">
        <v>311</v>
      </c>
      <c r="AB5" s="12" t="s">
        <v>311</v>
      </c>
      <c r="AC5" s="12" t="s">
        <v>311</v>
      </c>
      <c r="AD5" s="12" t="s">
        <v>311</v>
      </c>
    </row>
    <row r="6" spans="1:30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</row>
    <row r="7" spans="1:30" x14ac:dyDescent="0.15">
      <c r="A7" s="11" t="s">
        <v>211</v>
      </c>
      <c r="G7" s="12" t="s">
        <v>187</v>
      </c>
      <c r="H7" s="12" t="s">
        <v>359</v>
      </c>
      <c r="I7" s="12" t="s">
        <v>187</v>
      </c>
      <c r="J7" s="12" t="s">
        <v>366</v>
      </c>
      <c r="K7" s="12" t="s">
        <v>187</v>
      </c>
      <c r="L7" s="12" t="s">
        <v>187</v>
      </c>
      <c r="M7" s="12" t="s">
        <v>187</v>
      </c>
      <c r="N7" s="12" t="s">
        <v>359</v>
      </c>
      <c r="O7" s="12" t="s">
        <v>187</v>
      </c>
      <c r="P7" s="12" t="s">
        <v>187</v>
      </c>
      <c r="Q7" s="12" t="s">
        <v>359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</row>
    <row r="8" spans="1:30" ht="24" x14ac:dyDescent="0.15">
      <c r="A8" s="11" t="s">
        <v>211</v>
      </c>
      <c r="G8" s="12" t="s">
        <v>151</v>
      </c>
      <c r="H8" s="12" t="s">
        <v>180</v>
      </c>
      <c r="I8" s="12" t="s">
        <v>179</v>
      </c>
      <c r="J8" s="12" t="s">
        <v>178</v>
      </c>
      <c r="K8" s="12" t="s">
        <v>177</v>
      </c>
      <c r="L8" s="12" t="s">
        <v>176</v>
      </c>
      <c r="M8" s="12" t="s">
        <v>175</v>
      </c>
      <c r="N8" s="12" t="s">
        <v>174</v>
      </c>
      <c r="O8" s="12" t="s">
        <v>173</v>
      </c>
      <c r="P8" s="12" t="s">
        <v>172</v>
      </c>
      <c r="Q8" s="12" t="s">
        <v>171</v>
      </c>
      <c r="R8" s="12" t="s">
        <v>170</v>
      </c>
      <c r="S8" s="12" t="s">
        <v>169</v>
      </c>
      <c r="T8" s="12" t="s">
        <v>168</v>
      </c>
      <c r="U8" s="12" t="s">
        <v>167</v>
      </c>
      <c r="V8" s="12" t="s">
        <v>166</v>
      </c>
      <c r="W8" s="12" t="s">
        <v>165</v>
      </c>
      <c r="X8" s="12" t="s">
        <v>164</v>
      </c>
      <c r="Y8" s="12" t="s">
        <v>163</v>
      </c>
      <c r="Z8" s="12" t="s">
        <v>162</v>
      </c>
      <c r="AA8" s="12" t="s">
        <v>161</v>
      </c>
      <c r="AB8" s="12" t="s">
        <v>160</v>
      </c>
      <c r="AC8" s="12" t="s">
        <v>159</v>
      </c>
      <c r="AD8" s="12" t="s">
        <v>122</v>
      </c>
    </row>
    <row r="9" spans="1:30" x14ac:dyDescent="0.15">
      <c r="A9" s="11" t="s">
        <v>211</v>
      </c>
      <c r="G9" s="13" t="s">
        <v>205</v>
      </c>
      <c r="H9" s="13" t="s">
        <v>205</v>
      </c>
      <c r="I9" s="13" t="s">
        <v>205</v>
      </c>
      <c r="J9" s="13" t="s">
        <v>205</v>
      </c>
      <c r="K9" s="13" t="s">
        <v>205</v>
      </c>
      <c r="L9" s="13" t="s">
        <v>205</v>
      </c>
      <c r="M9" s="13" t="s">
        <v>205</v>
      </c>
      <c r="N9" s="13" t="s">
        <v>205</v>
      </c>
      <c r="O9" s="13" t="s">
        <v>205</v>
      </c>
      <c r="P9" s="13" t="s">
        <v>205</v>
      </c>
      <c r="Q9" s="13" t="s">
        <v>205</v>
      </c>
      <c r="R9" s="13" t="s">
        <v>205</v>
      </c>
      <c r="S9" s="13" t="s">
        <v>205</v>
      </c>
      <c r="T9" s="13" t="s">
        <v>205</v>
      </c>
      <c r="U9" s="13" t="s">
        <v>205</v>
      </c>
      <c r="V9" s="13" t="s">
        <v>205</v>
      </c>
      <c r="W9" s="13" t="s">
        <v>205</v>
      </c>
      <c r="X9" s="13" t="s">
        <v>205</v>
      </c>
      <c r="Y9" s="13" t="s">
        <v>205</v>
      </c>
      <c r="Z9" s="13" t="s">
        <v>205</v>
      </c>
      <c r="AA9" s="13" t="s">
        <v>205</v>
      </c>
      <c r="AB9" s="13" t="s">
        <v>205</v>
      </c>
      <c r="AC9" s="13" t="s">
        <v>205</v>
      </c>
      <c r="AD9" s="13" t="s">
        <v>205</v>
      </c>
    </row>
    <row r="10" spans="1:30" ht="13.5" x14ac:dyDescent="0.15">
      <c r="A10" s="14" t="s">
        <v>190</v>
      </c>
      <c r="B10" s="14" t="s">
        <v>367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</row>
    <row r="11" spans="1:30" x14ac:dyDescent="0.15">
      <c r="A11" s="18" t="s">
        <v>193</v>
      </c>
      <c r="B11" s="18" t="s">
        <v>192</v>
      </c>
      <c r="C11" s="18" t="s">
        <v>153</v>
      </c>
      <c r="D11" s="18" t="s">
        <v>9</v>
      </c>
      <c r="E11" s="18" t="s">
        <v>3</v>
      </c>
      <c r="F11" s="18" t="s">
        <v>157</v>
      </c>
      <c r="G11" s="17">
        <v>25.685189999999999</v>
      </c>
      <c r="H11" s="17">
        <v>99.719890000000007</v>
      </c>
      <c r="I11" s="17">
        <v>94.184870000000004</v>
      </c>
      <c r="J11" s="17">
        <v>66.363500000000002</v>
      </c>
      <c r="K11" s="17">
        <v>40.236319999999999</v>
      </c>
      <c r="L11" s="17">
        <v>29.19051</v>
      </c>
      <c r="M11" s="17">
        <v>23.474679999999999</v>
      </c>
      <c r="N11" s="17">
        <v>20.063500000000001</v>
      </c>
      <c r="O11" s="17">
        <v>14.662330000000001</v>
      </c>
      <c r="P11" s="17">
        <v>10.750349999999999</v>
      </c>
      <c r="Q11" s="17">
        <v>8.2167600000000007</v>
      </c>
      <c r="R11" s="17">
        <v>5.7787600000000001</v>
      </c>
      <c r="S11" s="17">
        <v>3.4362300000000001</v>
      </c>
      <c r="T11" s="17">
        <v>2.2932100000000002</v>
      </c>
      <c r="U11" s="17">
        <v>1.9946600000000001</v>
      </c>
      <c r="V11" s="17">
        <v>1.83239</v>
      </c>
      <c r="W11" s="17">
        <v>1.45204</v>
      </c>
      <c r="X11" s="17">
        <v>0.77139000000000002</v>
      </c>
      <c r="Y11" s="17">
        <v>0.41321999999999998</v>
      </c>
      <c r="Z11" s="17">
        <v>36.341560000000001</v>
      </c>
      <c r="AA11" s="17">
        <v>3.4140000000000001</v>
      </c>
      <c r="AB11" s="17">
        <v>1.98577</v>
      </c>
      <c r="AC11" s="17">
        <v>1.6234999999999999</v>
      </c>
      <c r="AD11" s="17">
        <v>27.596299999999999</v>
      </c>
    </row>
    <row r="12" spans="1:30" x14ac:dyDescent="0.15">
      <c r="A12" s="18" t="s">
        <v>193</v>
      </c>
      <c r="B12" s="18" t="s">
        <v>192</v>
      </c>
      <c r="C12" s="18" t="s">
        <v>153</v>
      </c>
      <c r="D12" s="18" t="s">
        <v>9</v>
      </c>
      <c r="E12" s="18" t="s">
        <v>3</v>
      </c>
      <c r="F12" s="18" t="s">
        <v>156</v>
      </c>
      <c r="G12" s="17">
        <v>59.068159999999999</v>
      </c>
      <c r="H12" s="17">
        <v>0.25464999999999999</v>
      </c>
      <c r="I12" s="17">
        <v>5.4962</v>
      </c>
      <c r="J12" s="17">
        <v>32.200189999999999</v>
      </c>
      <c r="K12" s="17">
        <v>56.564549999999997</v>
      </c>
      <c r="L12" s="17">
        <v>66.038560000000004</v>
      </c>
      <c r="M12" s="17">
        <v>69.718789999999998</v>
      </c>
      <c r="N12" s="17">
        <v>71.074879999999993</v>
      </c>
      <c r="O12" s="17">
        <v>75.022829999999999</v>
      </c>
      <c r="P12" s="17">
        <v>78.097110000000001</v>
      </c>
      <c r="Q12" s="17">
        <v>78.215689999999995</v>
      </c>
      <c r="R12" s="17">
        <v>77.208579999999998</v>
      </c>
      <c r="S12" s="17">
        <v>74.326679999999996</v>
      </c>
      <c r="T12" s="17">
        <v>65.800030000000007</v>
      </c>
      <c r="U12" s="17">
        <v>51.804279999999999</v>
      </c>
      <c r="V12" s="17">
        <v>35.709940000000003</v>
      </c>
      <c r="W12" s="17">
        <v>18.933890000000002</v>
      </c>
      <c r="X12" s="17">
        <v>9.3969100000000001</v>
      </c>
      <c r="Y12" s="17">
        <v>4.5454499999999998</v>
      </c>
      <c r="Z12" s="17">
        <v>57.109729999999999</v>
      </c>
      <c r="AA12" s="17">
        <v>63.161180000000002</v>
      </c>
      <c r="AB12" s="17">
        <v>49.485199999999999</v>
      </c>
      <c r="AC12" s="17">
        <v>28.49541</v>
      </c>
      <c r="AD12" s="17">
        <v>63.997450000000001</v>
      </c>
    </row>
    <row r="13" spans="1:30" x14ac:dyDescent="0.15">
      <c r="A13" s="18" t="s">
        <v>193</v>
      </c>
      <c r="B13" s="18" t="s">
        <v>192</v>
      </c>
      <c r="C13" s="18" t="s">
        <v>153</v>
      </c>
      <c r="D13" s="18" t="s">
        <v>9</v>
      </c>
      <c r="E13" s="18" t="s">
        <v>3</v>
      </c>
      <c r="F13" s="18" t="s">
        <v>155</v>
      </c>
      <c r="G13" s="17">
        <v>10.16033</v>
      </c>
      <c r="H13" s="17">
        <v>5.0899999999999999E-3</v>
      </c>
      <c r="I13" s="17">
        <v>2.1260000000000001E-2</v>
      </c>
      <c r="J13" s="17">
        <v>2.9819999999999999E-2</v>
      </c>
      <c r="K13" s="17">
        <v>6.565E-2</v>
      </c>
      <c r="L13" s="17">
        <v>0.18587999999999999</v>
      </c>
      <c r="M13" s="17">
        <v>0.38522000000000001</v>
      </c>
      <c r="N13" s="17">
        <v>0.83121999999999996</v>
      </c>
      <c r="O13" s="17">
        <v>1.7429600000000001</v>
      </c>
      <c r="P13" s="17">
        <v>3.2636500000000002</v>
      </c>
      <c r="Q13" s="17">
        <v>5.89018</v>
      </c>
      <c r="R13" s="17">
        <v>9.8023199999999999</v>
      </c>
      <c r="S13" s="17">
        <v>16.557079999999999</v>
      </c>
      <c r="T13" s="17">
        <v>27.88185</v>
      </c>
      <c r="U13" s="17">
        <v>43.291469999999997</v>
      </c>
      <c r="V13" s="17">
        <v>60.356059999999999</v>
      </c>
      <c r="W13" s="17">
        <v>78.276650000000004</v>
      </c>
      <c r="X13" s="17">
        <v>88.569419999999994</v>
      </c>
      <c r="Y13" s="17">
        <v>93.801649999999995</v>
      </c>
      <c r="Z13" s="17">
        <v>1.33172</v>
      </c>
      <c r="AA13" s="17">
        <v>28.611599999999999</v>
      </c>
      <c r="AB13" s="17">
        <v>45.560859999999998</v>
      </c>
      <c r="AC13" s="17">
        <v>68.072980000000001</v>
      </c>
      <c r="AD13" s="17">
        <v>2.5392700000000001</v>
      </c>
    </row>
    <row r="14" spans="1:30" x14ac:dyDescent="0.15">
      <c r="A14" s="18" t="s">
        <v>193</v>
      </c>
      <c r="B14" s="18" t="s">
        <v>192</v>
      </c>
      <c r="C14" s="18" t="s">
        <v>153</v>
      </c>
      <c r="D14" s="18" t="s">
        <v>9</v>
      </c>
      <c r="E14" s="18" t="s">
        <v>3</v>
      </c>
      <c r="F14" s="18" t="s">
        <v>154</v>
      </c>
      <c r="G14" s="17">
        <v>5.0863199999999997</v>
      </c>
      <c r="H14" s="17">
        <v>2.0369999999999999E-2</v>
      </c>
      <c r="I14" s="17">
        <v>0.29766999999999999</v>
      </c>
      <c r="J14" s="17">
        <v>1.40649</v>
      </c>
      <c r="K14" s="17">
        <v>3.13348</v>
      </c>
      <c r="L14" s="17">
        <v>4.5850499999999998</v>
      </c>
      <c r="M14" s="17">
        <v>6.4213100000000001</v>
      </c>
      <c r="N14" s="17">
        <v>8.0303900000000006</v>
      </c>
      <c r="O14" s="17">
        <v>8.5718800000000002</v>
      </c>
      <c r="P14" s="17">
        <v>7.88889</v>
      </c>
      <c r="Q14" s="17">
        <v>7.6773699999999998</v>
      </c>
      <c r="R14" s="17">
        <v>7.2103299999999999</v>
      </c>
      <c r="S14" s="17">
        <v>5.68</v>
      </c>
      <c r="T14" s="17">
        <v>4.0249100000000002</v>
      </c>
      <c r="U14" s="17">
        <v>2.9095900000000001</v>
      </c>
      <c r="V14" s="17">
        <v>2.10161</v>
      </c>
      <c r="W14" s="17">
        <v>1.33741</v>
      </c>
      <c r="X14" s="17">
        <v>1.26227</v>
      </c>
      <c r="Y14" s="17">
        <v>1.23967</v>
      </c>
      <c r="Z14" s="17">
        <v>5.21699</v>
      </c>
      <c r="AA14" s="17">
        <v>4.8132099999999998</v>
      </c>
      <c r="AB14" s="17">
        <v>2.9681700000000002</v>
      </c>
      <c r="AC14" s="17">
        <v>1.8081100000000001</v>
      </c>
      <c r="AD14" s="17">
        <v>5.8669799999999999</v>
      </c>
    </row>
    <row r="15" spans="1:30" x14ac:dyDescent="0.15">
      <c r="A15" s="18" t="s">
        <v>193</v>
      </c>
      <c r="B15" s="18" t="s">
        <v>192</v>
      </c>
      <c r="C15" s="18" t="s">
        <v>153</v>
      </c>
      <c r="D15" s="18" t="s">
        <v>9</v>
      </c>
      <c r="E15" s="18" t="s">
        <v>5</v>
      </c>
      <c r="F15" s="18" t="s">
        <v>157</v>
      </c>
      <c r="G15" s="17">
        <v>31.155270000000002</v>
      </c>
      <c r="H15" s="17">
        <v>99.745850000000004</v>
      </c>
      <c r="I15" s="17">
        <v>95.924319999999994</v>
      </c>
      <c r="J15" s="17">
        <v>73.131910000000005</v>
      </c>
      <c r="K15" s="17">
        <v>47.27319</v>
      </c>
      <c r="L15" s="17">
        <v>35.994909999999997</v>
      </c>
      <c r="M15" s="17">
        <v>29.502179999999999</v>
      </c>
      <c r="N15" s="17">
        <v>25.978919999999999</v>
      </c>
      <c r="O15" s="17">
        <v>19.601459999999999</v>
      </c>
      <c r="P15" s="17">
        <v>15.196540000000001</v>
      </c>
      <c r="Q15" s="17">
        <v>12.49358</v>
      </c>
      <c r="R15" s="17">
        <v>8.0417199999999998</v>
      </c>
      <c r="S15" s="17">
        <v>3.8992499999999999</v>
      </c>
      <c r="T15" s="17">
        <v>1.94112</v>
      </c>
      <c r="U15" s="17">
        <v>1.4277299999999999</v>
      </c>
      <c r="V15" s="17">
        <v>0.91815000000000002</v>
      </c>
      <c r="W15" s="17">
        <v>0.64154</v>
      </c>
      <c r="X15" s="17">
        <v>0</v>
      </c>
      <c r="Y15" s="17">
        <v>0</v>
      </c>
      <c r="Z15" s="17">
        <v>41.891449999999999</v>
      </c>
      <c r="AA15" s="17">
        <v>4.2341199999999999</v>
      </c>
      <c r="AB15" s="17">
        <v>1.49491</v>
      </c>
      <c r="AC15" s="17">
        <v>0.80539000000000005</v>
      </c>
      <c r="AD15" s="17">
        <v>33.201860000000003</v>
      </c>
    </row>
    <row r="16" spans="1:30" x14ac:dyDescent="0.15">
      <c r="A16" s="18" t="s">
        <v>193</v>
      </c>
      <c r="B16" s="18" t="s">
        <v>192</v>
      </c>
      <c r="C16" s="18" t="s">
        <v>153</v>
      </c>
      <c r="D16" s="18" t="s">
        <v>9</v>
      </c>
      <c r="E16" s="18" t="s">
        <v>5</v>
      </c>
      <c r="F16" s="18" t="s">
        <v>156</v>
      </c>
      <c r="G16" s="17">
        <v>61.473080000000003</v>
      </c>
      <c r="H16" s="17">
        <v>0.24437999999999999</v>
      </c>
      <c r="I16" s="17">
        <v>3.91466</v>
      </c>
      <c r="J16" s="17">
        <v>25.991230000000002</v>
      </c>
      <c r="K16" s="17">
        <v>50.552160000000001</v>
      </c>
      <c r="L16" s="17">
        <v>60.811190000000003</v>
      </c>
      <c r="M16" s="17">
        <v>65.758369999999999</v>
      </c>
      <c r="N16" s="17">
        <v>67.550780000000003</v>
      </c>
      <c r="O16" s="17">
        <v>72.919970000000006</v>
      </c>
      <c r="P16" s="17">
        <v>76.653369999999995</v>
      </c>
      <c r="Q16" s="17">
        <v>78.037139999999994</v>
      </c>
      <c r="R16" s="17">
        <v>81.333010000000002</v>
      </c>
      <c r="S16" s="17">
        <v>84.814729999999997</v>
      </c>
      <c r="T16" s="17">
        <v>84.66516</v>
      </c>
      <c r="U16" s="17">
        <v>80.350309999999993</v>
      </c>
      <c r="V16" s="17">
        <v>73.530950000000004</v>
      </c>
      <c r="W16" s="17">
        <v>60.545310000000001</v>
      </c>
      <c r="X16" s="17">
        <v>44.129550000000002</v>
      </c>
      <c r="Y16" s="17">
        <v>24.242419999999999</v>
      </c>
      <c r="Z16" s="17">
        <v>53.54806</v>
      </c>
      <c r="AA16" s="17">
        <v>81.345209999999994</v>
      </c>
      <c r="AB16" s="17">
        <v>79.346909999999994</v>
      </c>
      <c r="AC16" s="17">
        <v>68.833110000000005</v>
      </c>
      <c r="AD16" s="17">
        <v>61.130249999999997</v>
      </c>
    </row>
    <row r="17" spans="1:30" x14ac:dyDescent="0.15">
      <c r="A17" s="18" t="s">
        <v>193</v>
      </c>
      <c r="B17" s="18" t="s">
        <v>192</v>
      </c>
      <c r="C17" s="18" t="s">
        <v>153</v>
      </c>
      <c r="D17" s="18" t="s">
        <v>9</v>
      </c>
      <c r="E17" s="18" t="s">
        <v>5</v>
      </c>
      <c r="F17" s="18" t="s">
        <v>155</v>
      </c>
      <c r="G17" s="17">
        <v>3.2285300000000001</v>
      </c>
      <c r="H17" s="17">
        <v>0</v>
      </c>
      <c r="I17" s="17">
        <v>0</v>
      </c>
      <c r="J17" s="17">
        <v>1.9060000000000001E-2</v>
      </c>
      <c r="K17" s="17">
        <v>8.4899999999999993E-3</v>
      </c>
      <c r="L17" s="17">
        <v>9.1859999999999997E-2</v>
      </c>
      <c r="M17" s="17">
        <v>0.18632000000000001</v>
      </c>
      <c r="N17" s="17">
        <v>0.35597000000000001</v>
      </c>
      <c r="O17" s="17">
        <v>0.69069999999999998</v>
      </c>
      <c r="P17" s="17">
        <v>1.3328800000000001</v>
      </c>
      <c r="Q17" s="17">
        <v>2.5985499999999999</v>
      </c>
      <c r="R17" s="17">
        <v>4.0572499999999998</v>
      </c>
      <c r="S17" s="17">
        <v>6.3372900000000003</v>
      </c>
      <c r="T17" s="17">
        <v>9.6516800000000007</v>
      </c>
      <c r="U17" s="17">
        <v>15.955249999999999</v>
      </c>
      <c r="V17" s="17">
        <v>24.239239999999999</v>
      </c>
      <c r="W17" s="17">
        <v>38.332000000000001</v>
      </c>
      <c r="X17" s="17">
        <v>55.870449999999998</v>
      </c>
      <c r="Y17" s="17">
        <v>72.727270000000004</v>
      </c>
      <c r="Z17" s="17">
        <v>0.55281000000000002</v>
      </c>
      <c r="AA17" s="17">
        <v>9.9379500000000007</v>
      </c>
      <c r="AB17" s="17">
        <v>16.55143</v>
      </c>
      <c r="AC17" s="17">
        <v>29.293880000000001</v>
      </c>
      <c r="AD17" s="17">
        <v>1.03217</v>
      </c>
    </row>
    <row r="18" spans="1:30" x14ac:dyDescent="0.15">
      <c r="A18" s="18" t="s">
        <v>363</v>
      </c>
      <c r="B18" s="18" t="s">
        <v>192</v>
      </c>
      <c r="C18" s="18" t="s">
        <v>153</v>
      </c>
      <c r="D18" s="18" t="s">
        <v>9</v>
      </c>
      <c r="E18" s="18" t="s">
        <v>5</v>
      </c>
      <c r="F18" s="18" t="s">
        <v>154</v>
      </c>
      <c r="G18" s="17">
        <v>4.1431100000000001</v>
      </c>
      <c r="H18" s="17">
        <v>9.7800000000000005E-3</v>
      </c>
      <c r="I18" s="17">
        <v>0.16100999999999999</v>
      </c>
      <c r="J18" s="17">
        <v>0.85780000000000001</v>
      </c>
      <c r="K18" s="17">
        <v>2.1661600000000001</v>
      </c>
      <c r="L18" s="17">
        <v>3.1020400000000001</v>
      </c>
      <c r="M18" s="17">
        <v>4.5531300000000003</v>
      </c>
      <c r="N18" s="17">
        <v>6.1143299999999998</v>
      </c>
      <c r="O18" s="17">
        <v>6.7878699999999998</v>
      </c>
      <c r="P18" s="17">
        <v>6.8172199999999998</v>
      </c>
      <c r="Q18" s="17">
        <v>6.87073</v>
      </c>
      <c r="R18" s="17">
        <v>6.5680199999999997</v>
      </c>
      <c r="S18" s="17">
        <v>4.9487399999999999</v>
      </c>
      <c r="T18" s="17">
        <v>3.7420499999999999</v>
      </c>
      <c r="U18" s="17">
        <v>2.2667099999999998</v>
      </c>
      <c r="V18" s="17">
        <v>1.31165</v>
      </c>
      <c r="W18" s="17">
        <v>0.48115000000000002</v>
      </c>
      <c r="X18" s="17">
        <v>0</v>
      </c>
      <c r="Y18" s="17">
        <v>3.0303</v>
      </c>
      <c r="Z18" s="17">
        <v>4.0076799999999997</v>
      </c>
      <c r="AA18" s="17">
        <v>4.4827199999999996</v>
      </c>
      <c r="AB18" s="17">
        <v>2.6067499999999999</v>
      </c>
      <c r="AC18" s="17">
        <v>1.06762</v>
      </c>
      <c r="AD18" s="17">
        <v>4.6357200000000001</v>
      </c>
    </row>
    <row r="19" spans="1:30" x14ac:dyDescent="0.15">
      <c r="A19" s="18" t="s">
        <v>193</v>
      </c>
      <c r="B19" s="18" t="s">
        <v>192</v>
      </c>
      <c r="C19" s="18" t="s">
        <v>153</v>
      </c>
      <c r="D19" s="18" t="s">
        <v>9</v>
      </c>
      <c r="E19" s="18" t="s">
        <v>4</v>
      </c>
      <c r="F19" s="18" t="s">
        <v>157</v>
      </c>
      <c r="G19" s="17">
        <v>20.59581</v>
      </c>
      <c r="H19" s="17">
        <v>99.691649999999996</v>
      </c>
      <c r="I19" s="17">
        <v>92.237489999999994</v>
      </c>
      <c r="J19" s="17">
        <v>58.98847</v>
      </c>
      <c r="K19" s="17">
        <v>32.758620000000001</v>
      </c>
      <c r="L19" s="17">
        <v>21.942039999999999</v>
      </c>
      <c r="M19" s="17">
        <v>17.22785</v>
      </c>
      <c r="N19" s="17">
        <v>13.879160000000001</v>
      </c>
      <c r="O19" s="17">
        <v>9.7212300000000003</v>
      </c>
      <c r="P19" s="17">
        <v>6.4185299999999996</v>
      </c>
      <c r="Q19" s="17">
        <v>4.1096899999999996</v>
      </c>
      <c r="R19" s="17">
        <v>3.6835300000000002</v>
      </c>
      <c r="S19" s="17">
        <v>3.04156</v>
      </c>
      <c r="T19" s="17">
        <v>2.56711</v>
      </c>
      <c r="U19" s="17">
        <v>2.3512</v>
      </c>
      <c r="V19" s="17">
        <v>2.2848199999999999</v>
      </c>
      <c r="W19" s="17">
        <v>1.7055400000000001</v>
      </c>
      <c r="X19" s="17">
        <v>0.93298999999999999</v>
      </c>
      <c r="Y19" s="17">
        <v>0.47847000000000001</v>
      </c>
      <c r="Z19" s="17">
        <v>30.578340000000001</v>
      </c>
      <c r="AA19" s="17">
        <v>2.80884</v>
      </c>
      <c r="AB19" s="17">
        <v>2.2792699999999999</v>
      </c>
      <c r="AC19" s="17">
        <v>1.95749</v>
      </c>
      <c r="AD19" s="17">
        <v>21.88184</v>
      </c>
    </row>
    <row r="20" spans="1:30" x14ac:dyDescent="0.15">
      <c r="A20" s="18" t="s">
        <v>363</v>
      </c>
      <c r="B20" s="18" t="s">
        <v>365</v>
      </c>
      <c r="C20" s="18" t="s">
        <v>153</v>
      </c>
      <c r="D20" s="18" t="s">
        <v>9</v>
      </c>
      <c r="E20" s="18" t="s">
        <v>4</v>
      </c>
      <c r="F20" s="18" t="s">
        <v>156</v>
      </c>
      <c r="G20" s="17">
        <v>56.830629999999999</v>
      </c>
      <c r="H20" s="17">
        <v>0.26582</v>
      </c>
      <c r="I20" s="17">
        <v>7.2667900000000003</v>
      </c>
      <c r="J20" s="17">
        <v>38.965620000000001</v>
      </c>
      <c r="K20" s="17">
        <v>62.953600000000002</v>
      </c>
      <c r="L20" s="17">
        <v>71.607079999999996</v>
      </c>
      <c r="M20" s="17">
        <v>73.823319999999995</v>
      </c>
      <c r="N20" s="17">
        <v>74.759190000000004</v>
      </c>
      <c r="O20" s="17">
        <v>77.126519999999999</v>
      </c>
      <c r="P20" s="17">
        <v>79.503720000000001</v>
      </c>
      <c r="Q20" s="17">
        <v>78.387140000000002</v>
      </c>
      <c r="R20" s="17">
        <v>73.389859999999999</v>
      </c>
      <c r="S20" s="17">
        <v>65.38673</v>
      </c>
      <c r="T20" s="17">
        <v>51.124160000000003</v>
      </c>
      <c r="U20" s="17">
        <v>33.851709999999997</v>
      </c>
      <c r="V20" s="17">
        <v>16.993379999999998</v>
      </c>
      <c r="W20" s="17">
        <v>5.9192400000000003</v>
      </c>
      <c r="X20" s="17">
        <v>2.1204399999999999</v>
      </c>
      <c r="Y20" s="17">
        <v>1.4354100000000001</v>
      </c>
      <c r="Z20" s="17">
        <v>60.808300000000003</v>
      </c>
      <c r="AA20" s="17">
        <v>49.743180000000002</v>
      </c>
      <c r="AB20" s="17">
        <v>31.630400000000002</v>
      </c>
      <c r="AC20" s="17">
        <v>12.02783</v>
      </c>
      <c r="AD20" s="17">
        <v>66.920349999999999</v>
      </c>
    </row>
    <row r="21" spans="1:30" x14ac:dyDescent="0.15">
      <c r="A21" s="18" t="s">
        <v>193</v>
      </c>
      <c r="B21" s="18" t="s">
        <v>192</v>
      </c>
      <c r="C21" s="18" t="s">
        <v>153</v>
      </c>
      <c r="D21" s="18" t="s">
        <v>9</v>
      </c>
      <c r="E21" s="18" t="s">
        <v>4</v>
      </c>
      <c r="F21" s="18" t="s">
        <v>155</v>
      </c>
      <c r="G21" s="17">
        <v>16.609690000000001</v>
      </c>
      <c r="H21" s="17">
        <v>1.0630000000000001E-2</v>
      </c>
      <c r="I21" s="17">
        <v>4.5069999999999999E-2</v>
      </c>
      <c r="J21" s="17">
        <v>4.1540000000000001E-2</v>
      </c>
      <c r="K21" s="17">
        <v>0.12637999999999999</v>
      </c>
      <c r="L21" s="17">
        <v>0.28604000000000002</v>
      </c>
      <c r="M21" s="17">
        <v>0.59136</v>
      </c>
      <c r="N21" s="17">
        <v>1.3280799999999999</v>
      </c>
      <c r="O21" s="17">
        <v>2.7956500000000002</v>
      </c>
      <c r="P21" s="17">
        <v>5.1447500000000002</v>
      </c>
      <c r="Q21" s="17">
        <v>9.0511800000000004</v>
      </c>
      <c r="R21" s="17">
        <v>15.12157</v>
      </c>
      <c r="S21" s="17">
        <v>25.268370000000001</v>
      </c>
      <c r="T21" s="17">
        <v>42.063760000000002</v>
      </c>
      <c r="U21" s="17">
        <v>60.483199999999997</v>
      </c>
      <c r="V21" s="17">
        <v>78.229259999999996</v>
      </c>
      <c r="W21" s="17">
        <v>90.77</v>
      </c>
      <c r="X21" s="17">
        <v>95.419849999999997</v>
      </c>
      <c r="Y21" s="17">
        <v>97.129189999999994</v>
      </c>
      <c r="Z21" s="17">
        <v>2.1405699999999999</v>
      </c>
      <c r="AA21" s="17">
        <v>42.390889999999999</v>
      </c>
      <c r="AB21" s="17">
        <v>62.906059999999997</v>
      </c>
      <c r="AC21" s="17">
        <v>83.904269999999997</v>
      </c>
      <c r="AD21" s="17">
        <v>4.0756399999999999</v>
      </c>
    </row>
    <row r="22" spans="1:30" x14ac:dyDescent="0.15">
      <c r="A22" s="18" t="s">
        <v>193</v>
      </c>
      <c r="B22" s="18" t="s">
        <v>192</v>
      </c>
      <c r="C22" s="18" t="s">
        <v>153</v>
      </c>
      <c r="D22" s="18" t="s">
        <v>9</v>
      </c>
      <c r="E22" s="18" t="s">
        <v>4</v>
      </c>
      <c r="F22" s="18" t="s">
        <v>154</v>
      </c>
      <c r="G22" s="17">
        <v>5.96387</v>
      </c>
      <c r="H22" s="17">
        <v>3.1899999999999998E-2</v>
      </c>
      <c r="I22" s="17">
        <v>0.45065</v>
      </c>
      <c r="J22" s="17">
        <v>2.0043600000000001</v>
      </c>
      <c r="K22" s="17">
        <v>4.1614000000000004</v>
      </c>
      <c r="L22" s="17">
        <v>6.1648500000000004</v>
      </c>
      <c r="M22" s="17">
        <v>8.3574699999999993</v>
      </c>
      <c r="N22" s="17">
        <v>10.033569999999999</v>
      </c>
      <c r="O22" s="17">
        <v>10.3566</v>
      </c>
      <c r="P22" s="17">
        <v>8.9329999999999998</v>
      </c>
      <c r="Q22" s="17">
        <v>8.4519900000000003</v>
      </c>
      <c r="R22" s="17">
        <v>7.80504</v>
      </c>
      <c r="S22" s="17">
        <v>6.3033299999999999</v>
      </c>
      <c r="T22" s="17">
        <v>4.2449700000000004</v>
      </c>
      <c r="U22" s="17">
        <v>3.3138899999999998</v>
      </c>
      <c r="V22" s="17">
        <v>2.49254</v>
      </c>
      <c r="W22" s="17">
        <v>1.6052200000000001</v>
      </c>
      <c r="X22" s="17">
        <v>1.5267200000000001</v>
      </c>
      <c r="Y22" s="17">
        <v>0.95694000000000001</v>
      </c>
      <c r="Z22" s="17">
        <v>6.4727899999999998</v>
      </c>
      <c r="AA22" s="17">
        <v>5.0570899999999996</v>
      </c>
      <c r="AB22" s="17">
        <v>3.1842700000000002</v>
      </c>
      <c r="AC22" s="17">
        <v>2.1104099999999999</v>
      </c>
      <c r="AD22" s="17">
        <v>7.1221699999999997</v>
      </c>
    </row>
    <row r="23" spans="1:30" x14ac:dyDescent="0.15">
      <c r="A23" s="18" t="s">
        <v>193</v>
      </c>
      <c r="B23" s="18" t="s">
        <v>192</v>
      </c>
      <c r="C23" s="18" t="s">
        <v>153</v>
      </c>
      <c r="D23" s="18" t="s">
        <v>8</v>
      </c>
      <c r="E23" s="18" t="s">
        <v>3</v>
      </c>
      <c r="F23" s="18" t="s">
        <v>157</v>
      </c>
      <c r="G23" s="17">
        <v>25.581579999999999</v>
      </c>
      <c r="H23" s="17">
        <v>99.717910000000003</v>
      </c>
      <c r="I23" s="17">
        <v>94.282579999999996</v>
      </c>
      <c r="J23" s="17">
        <v>66.748869999999997</v>
      </c>
      <c r="K23" s="17">
        <v>40.689</v>
      </c>
      <c r="L23" s="17">
        <v>29.432009999999998</v>
      </c>
      <c r="M23" s="17">
        <v>23.63336</v>
      </c>
      <c r="N23" s="17">
        <v>20.232150000000001</v>
      </c>
      <c r="O23" s="17">
        <v>14.67474</v>
      </c>
      <c r="P23" s="17">
        <v>10.7468</v>
      </c>
      <c r="Q23" s="17">
        <v>8.1690100000000001</v>
      </c>
      <c r="R23" s="17">
        <v>5.76715</v>
      </c>
      <c r="S23" s="17">
        <v>3.4368500000000002</v>
      </c>
      <c r="T23" s="17">
        <v>2.2928199999999999</v>
      </c>
      <c r="U23" s="17">
        <v>1.9981800000000001</v>
      </c>
      <c r="V23" s="17">
        <v>1.8252900000000001</v>
      </c>
      <c r="W23" s="17">
        <v>1.45482</v>
      </c>
      <c r="X23" s="17">
        <v>0.77246999999999999</v>
      </c>
      <c r="Y23" s="17">
        <v>0.41493999999999998</v>
      </c>
      <c r="Z23" s="17">
        <v>36.32855</v>
      </c>
      <c r="AA23" s="17">
        <v>3.41005</v>
      </c>
      <c r="AB23" s="17">
        <v>1.9855400000000001</v>
      </c>
      <c r="AC23" s="17">
        <v>1.62009</v>
      </c>
      <c r="AD23" s="17">
        <v>27.503720000000001</v>
      </c>
    </row>
    <row r="24" spans="1:30" x14ac:dyDescent="0.15">
      <c r="A24" s="18" t="s">
        <v>193</v>
      </c>
      <c r="B24" s="18" t="s">
        <v>192</v>
      </c>
      <c r="C24" s="18" t="s">
        <v>153</v>
      </c>
      <c r="D24" s="18" t="s">
        <v>8</v>
      </c>
      <c r="E24" s="18" t="s">
        <v>3</v>
      </c>
      <c r="F24" s="18" t="s">
        <v>156</v>
      </c>
      <c r="G24" s="17">
        <v>59.099539999999998</v>
      </c>
      <c r="H24" s="17">
        <v>0.25645000000000001</v>
      </c>
      <c r="I24" s="17">
        <v>5.3991800000000003</v>
      </c>
      <c r="J24" s="17">
        <v>31.802299999999999</v>
      </c>
      <c r="K24" s="17">
        <v>56.157919999999997</v>
      </c>
      <c r="L24" s="17">
        <v>65.827939999999998</v>
      </c>
      <c r="M24" s="17">
        <v>69.621960000000001</v>
      </c>
      <c r="N24" s="17">
        <v>70.955380000000005</v>
      </c>
      <c r="O24" s="17">
        <v>75.042109999999994</v>
      </c>
      <c r="P24" s="17">
        <v>78.148179999999996</v>
      </c>
      <c r="Q24" s="17">
        <v>78.252080000000007</v>
      </c>
      <c r="R24" s="17">
        <v>77.241240000000005</v>
      </c>
      <c r="S24" s="17">
        <v>74.344650000000001</v>
      </c>
      <c r="T24" s="17">
        <v>65.853539999999995</v>
      </c>
      <c r="U24" s="17">
        <v>51.844470000000001</v>
      </c>
      <c r="V24" s="17">
        <v>35.706209999999999</v>
      </c>
      <c r="W24" s="17">
        <v>18.912710000000001</v>
      </c>
      <c r="X24" s="17">
        <v>9.4101099999999995</v>
      </c>
      <c r="Y24" s="17">
        <v>4.5643200000000004</v>
      </c>
      <c r="Z24" s="17">
        <v>57.120469999999997</v>
      </c>
      <c r="AA24" s="17">
        <v>63.182429999999997</v>
      </c>
      <c r="AB24" s="17">
        <v>49.512369999999997</v>
      </c>
      <c r="AC24" s="17">
        <v>28.492989999999999</v>
      </c>
      <c r="AD24" s="17">
        <v>64.071560000000005</v>
      </c>
    </row>
    <row r="25" spans="1:30" x14ac:dyDescent="0.15">
      <c r="A25" s="18" t="s">
        <v>193</v>
      </c>
      <c r="B25" s="18" t="s">
        <v>192</v>
      </c>
      <c r="C25" s="18" t="s">
        <v>153</v>
      </c>
      <c r="D25" s="18" t="s">
        <v>8</v>
      </c>
      <c r="E25" s="18" t="s">
        <v>3</v>
      </c>
      <c r="F25" s="18" t="s">
        <v>155</v>
      </c>
      <c r="G25" s="17">
        <v>10.23865</v>
      </c>
      <c r="H25" s="17">
        <v>5.13E-3</v>
      </c>
      <c r="I25" s="17">
        <v>2.1950000000000001E-2</v>
      </c>
      <c r="J25" s="17">
        <v>2.5690000000000001E-2</v>
      </c>
      <c r="K25" s="17">
        <v>5.8389999999999997E-2</v>
      </c>
      <c r="L25" s="17">
        <v>0.17760999999999999</v>
      </c>
      <c r="M25" s="17">
        <v>0.38103999999999999</v>
      </c>
      <c r="N25" s="17">
        <v>0.80639000000000005</v>
      </c>
      <c r="O25" s="17">
        <v>1.7325699999999999</v>
      </c>
      <c r="P25" s="17">
        <v>3.2493300000000001</v>
      </c>
      <c r="Q25" s="17">
        <v>5.8902099999999997</v>
      </c>
      <c r="R25" s="17">
        <v>9.8038600000000002</v>
      </c>
      <c r="S25" s="17">
        <v>16.54007</v>
      </c>
      <c r="T25" s="17">
        <v>27.84948</v>
      </c>
      <c r="U25" s="17">
        <v>43.254010000000001</v>
      </c>
      <c r="V25" s="17">
        <v>60.373750000000001</v>
      </c>
      <c r="W25" s="17">
        <v>78.292500000000004</v>
      </c>
      <c r="X25" s="17">
        <v>88.553370000000001</v>
      </c>
      <c r="Y25" s="17">
        <v>93.775930000000002</v>
      </c>
      <c r="Z25" s="17">
        <v>1.3350500000000001</v>
      </c>
      <c r="AA25" s="17">
        <v>28.607209999999998</v>
      </c>
      <c r="AB25" s="17">
        <v>45.544800000000002</v>
      </c>
      <c r="AC25" s="17">
        <v>68.081980000000001</v>
      </c>
      <c r="AD25" s="17">
        <v>2.5560399999999999</v>
      </c>
    </row>
    <row r="26" spans="1:30" x14ac:dyDescent="0.15">
      <c r="A26" s="18" t="s">
        <v>193</v>
      </c>
      <c r="B26" s="18" t="s">
        <v>192</v>
      </c>
      <c r="C26" s="18" t="s">
        <v>153</v>
      </c>
      <c r="D26" s="18" t="s">
        <v>8</v>
      </c>
      <c r="E26" s="18" t="s">
        <v>3</v>
      </c>
      <c r="F26" s="18" t="s">
        <v>154</v>
      </c>
      <c r="G26" s="17">
        <v>5.0802399999999999</v>
      </c>
      <c r="H26" s="17">
        <v>2.052E-2</v>
      </c>
      <c r="I26" s="17">
        <v>0.29630000000000001</v>
      </c>
      <c r="J26" s="17">
        <v>1.4231400000000001</v>
      </c>
      <c r="K26" s="17">
        <v>3.0946799999999999</v>
      </c>
      <c r="L26" s="17">
        <v>4.5624399999999996</v>
      </c>
      <c r="M26" s="17">
        <v>6.3636400000000002</v>
      </c>
      <c r="N26" s="17">
        <v>8.0060800000000008</v>
      </c>
      <c r="O26" s="17">
        <v>8.5505700000000004</v>
      </c>
      <c r="P26" s="17">
        <v>7.8556999999999997</v>
      </c>
      <c r="Q26" s="17">
        <v>7.6886999999999999</v>
      </c>
      <c r="R26" s="17">
        <v>7.1877500000000003</v>
      </c>
      <c r="S26" s="17">
        <v>5.6784299999999996</v>
      </c>
      <c r="T26" s="17">
        <v>4.0041599999999997</v>
      </c>
      <c r="U26" s="17">
        <v>2.90334</v>
      </c>
      <c r="V26" s="17">
        <v>2.0947399999999998</v>
      </c>
      <c r="W26" s="17">
        <v>1.3399700000000001</v>
      </c>
      <c r="X26" s="17">
        <v>1.2640400000000001</v>
      </c>
      <c r="Y26" s="17">
        <v>1.24481</v>
      </c>
      <c r="Z26" s="17">
        <v>5.2159300000000002</v>
      </c>
      <c r="AA26" s="17">
        <v>4.8003</v>
      </c>
      <c r="AB26" s="17">
        <v>2.9573</v>
      </c>
      <c r="AC26" s="17">
        <v>1.80494</v>
      </c>
      <c r="AD26" s="17">
        <v>5.8686800000000003</v>
      </c>
    </row>
    <row r="27" spans="1:30" x14ac:dyDescent="0.15">
      <c r="A27" s="18" t="s">
        <v>193</v>
      </c>
      <c r="B27" s="18" t="s">
        <v>192</v>
      </c>
      <c r="C27" s="18" t="s">
        <v>153</v>
      </c>
      <c r="D27" s="18" t="s">
        <v>8</v>
      </c>
      <c r="E27" s="18" t="s">
        <v>5</v>
      </c>
      <c r="F27" s="18" t="s">
        <v>157</v>
      </c>
      <c r="G27" s="17">
        <v>30.993130000000001</v>
      </c>
      <c r="H27" s="17">
        <v>99.744140000000002</v>
      </c>
      <c r="I27" s="17">
        <v>96.010829999999999</v>
      </c>
      <c r="J27" s="17">
        <v>73.446439999999996</v>
      </c>
      <c r="K27" s="17">
        <v>47.593859999999999</v>
      </c>
      <c r="L27" s="17">
        <v>36.152140000000003</v>
      </c>
      <c r="M27" s="17">
        <v>29.56532</v>
      </c>
      <c r="N27" s="17">
        <v>26.045400000000001</v>
      </c>
      <c r="O27" s="17">
        <v>19.597190000000001</v>
      </c>
      <c r="P27" s="17">
        <v>15.185879999999999</v>
      </c>
      <c r="Q27" s="17">
        <v>12.44746</v>
      </c>
      <c r="R27" s="17">
        <v>8.0454899999999991</v>
      </c>
      <c r="S27" s="17">
        <v>3.90157</v>
      </c>
      <c r="T27" s="17">
        <v>1.9330499999999999</v>
      </c>
      <c r="U27" s="17">
        <v>1.4294100000000001</v>
      </c>
      <c r="V27" s="17">
        <v>0.89309000000000005</v>
      </c>
      <c r="W27" s="17">
        <v>0.64256999999999997</v>
      </c>
      <c r="X27" s="17">
        <v>0</v>
      </c>
      <c r="Y27" s="17">
        <v>0</v>
      </c>
      <c r="Z27" s="17">
        <v>41.776690000000002</v>
      </c>
      <c r="AA27" s="17">
        <v>4.2311100000000001</v>
      </c>
      <c r="AB27" s="17">
        <v>1.4875100000000001</v>
      </c>
      <c r="AC27" s="17">
        <v>0.78769999999999996</v>
      </c>
      <c r="AD27" s="17">
        <v>33.032890000000002</v>
      </c>
    </row>
    <row r="28" spans="1:30" x14ac:dyDescent="0.15">
      <c r="A28" s="18" t="s">
        <v>193</v>
      </c>
      <c r="B28" s="18" t="s">
        <v>192</v>
      </c>
      <c r="C28" s="18" t="s">
        <v>153</v>
      </c>
      <c r="D28" s="18" t="s">
        <v>8</v>
      </c>
      <c r="E28" s="18" t="s">
        <v>5</v>
      </c>
      <c r="F28" s="18" t="s">
        <v>156</v>
      </c>
      <c r="G28" s="17">
        <v>61.599310000000003</v>
      </c>
      <c r="H28" s="17">
        <v>0.24601000000000001</v>
      </c>
      <c r="I28" s="17">
        <v>3.84335</v>
      </c>
      <c r="J28" s="17">
        <v>25.66581</v>
      </c>
      <c r="K28" s="17">
        <v>50.255789999999998</v>
      </c>
      <c r="L28" s="17">
        <v>60.672229999999999</v>
      </c>
      <c r="M28" s="17">
        <v>65.694839999999999</v>
      </c>
      <c r="N28" s="17">
        <v>67.453789999999998</v>
      </c>
      <c r="O28" s="17">
        <v>72.906009999999995</v>
      </c>
      <c r="P28" s="17">
        <v>76.662689999999998</v>
      </c>
      <c r="Q28" s="17">
        <v>78.076840000000004</v>
      </c>
      <c r="R28" s="17">
        <v>81.336659999999995</v>
      </c>
      <c r="S28" s="17">
        <v>84.822730000000007</v>
      </c>
      <c r="T28" s="17">
        <v>84.697620000000001</v>
      </c>
      <c r="U28" s="17">
        <v>80.400829999999999</v>
      </c>
      <c r="V28" s="17">
        <v>73.522459999999995</v>
      </c>
      <c r="W28" s="17">
        <v>60.481929999999998</v>
      </c>
      <c r="X28" s="17">
        <v>44.129550000000002</v>
      </c>
      <c r="Y28" s="17">
        <v>24.242419999999999</v>
      </c>
      <c r="Z28" s="17">
        <v>53.63785</v>
      </c>
      <c r="AA28" s="17">
        <v>81.357619999999997</v>
      </c>
      <c r="AB28" s="17">
        <v>79.371319999999997</v>
      </c>
      <c r="AC28" s="17">
        <v>68.810950000000005</v>
      </c>
      <c r="AD28" s="17">
        <v>61.267829999999996</v>
      </c>
    </row>
    <row r="29" spans="1:30" x14ac:dyDescent="0.15">
      <c r="A29" s="18" t="s">
        <v>193</v>
      </c>
      <c r="B29" s="18" t="s">
        <v>192</v>
      </c>
      <c r="C29" s="18" t="s">
        <v>153</v>
      </c>
      <c r="D29" s="18" t="s">
        <v>8</v>
      </c>
      <c r="E29" s="18" t="s">
        <v>5</v>
      </c>
      <c r="F29" s="18" t="s">
        <v>155</v>
      </c>
      <c r="G29" s="17">
        <v>3.2524299999999999</v>
      </c>
      <c r="H29" s="17">
        <v>0</v>
      </c>
      <c r="I29" s="17">
        <v>0</v>
      </c>
      <c r="J29" s="17">
        <v>9.8600000000000007E-3</v>
      </c>
      <c r="K29" s="17">
        <v>8.6700000000000006E-3</v>
      </c>
      <c r="L29" s="17">
        <v>9.2770000000000005E-2</v>
      </c>
      <c r="M29" s="17">
        <v>0.18772</v>
      </c>
      <c r="N29" s="17">
        <v>0.35842000000000002</v>
      </c>
      <c r="O29" s="17">
        <v>0.69533</v>
      </c>
      <c r="P29" s="17">
        <v>1.3386800000000001</v>
      </c>
      <c r="Q29" s="17">
        <v>2.6030500000000001</v>
      </c>
      <c r="R29" s="17">
        <v>4.0622699999999998</v>
      </c>
      <c r="S29" s="17">
        <v>6.3218399999999999</v>
      </c>
      <c r="T29" s="17">
        <v>9.6544299999999996</v>
      </c>
      <c r="U29" s="17">
        <v>15.91512</v>
      </c>
      <c r="V29" s="17">
        <v>24.271080000000001</v>
      </c>
      <c r="W29" s="17">
        <v>38.393569999999997</v>
      </c>
      <c r="X29" s="17">
        <v>55.870449999999998</v>
      </c>
      <c r="Y29" s="17">
        <v>72.727270000000004</v>
      </c>
      <c r="Z29" s="17">
        <v>0.55813000000000001</v>
      </c>
      <c r="AA29" s="17">
        <v>9.9390099999999997</v>
      </c>
      <c r="AB29" s="17">
        <v>16.549720000000001</v>
      </c>
      <c r="AC29" s="17">
        <v>29.332329999999999</v>
      </c>
      <c r="AD29" s="17">
        <v>1.042</v>
      </c>
    </row>
    <row r="30" spans="1:30" x14ac:dyDescent="0.15">
      <c r="A30" s="18" t="s">
        <v>193</v>
      </c>
      <c r="B30" s="18" t="s">
        <v>192</v>
      </c>
      <c r="C30" s="18" t="s">
        <v>153</v>
      </c>
      <c r="D30" s="18" t="s">
        <v>8</v>
      </c>
      <c r="E30" s="18" t="s">
        <v>5</v>
      </c>
      <c r="F30" s="18" t="s">
        <v>154</v>
      </c>
      <c r="G30" s="17">
        <v>4.1551200000000001</v>
      </c>
      <c r="H30" s="17">
        <v>9.8399999999999998E-3</v>
      </c>
      <c r="I30" s="17">
        <v>0.14582000000000001</v>
      </c>
      <c r="J30" s="17">
        <v>0.87788999999999995</v>
      </c>
      <c r="K30" s="17">
        <v>2.14168</v>
      </c>
      <c r="L30" s="17">
        <v>3.0828500000000001</v>
      </c>
      <c r="M30" s="17">
        <v>4.5521200000000004</v>
      </c>
      <c r="N30" s="17">
        <v>6.1423899999999998</v>
      </c>
      <c r="O30" s="17">
        <v>6.8014700000000001</v>
      </c>
      <c r="P30" s="17">
        <v>6.8127599999999999</v>
      </c>
      <c r="Q30" s="17">
        <v>6.8726500000000001</v>
      </c>
      <c r="R30" s="17">
        <v>6.55558</v>
      </c>
      <c r="S30" s="17">
        <v>4.9538599999999997</v>
      </c>
      <c r="T30" s="17">
        <v>3.7149000000000001</v>
      </c>
      <c r="U30" s="17">
        <v>2.2546400000000002</v>
      </c>
      <c r="V30" s="17">
        <v>1.3133699999999999</v>
      </c>
      <c r="W30" s="17">
        <v>0.48193000000000003</v>
      </c>
      <c r="X30" s="17">
        <v>0</v>
      </c>
      <c r="Y30" s="17">
        <v>3.0303</v>
      </c>
      <c r="Z30" s="17">
        <v>4.0273399999999997</v>
      </c>
      <c r="AA30" s="17">
        <v>4.4722600000000003</v>
      </c>
      <c r="AB30" s="17">
        <v>2.59145</v>
      </c>
      <c r="AC30" s="17">
        <v>1.0690200000000001</v>
      </c>
      <c r="AD30" s="17">
        <v>4.6572800000000001</v>
      </c>
    </row>
    <row r="31" spans="1:30" x14ac:dyDescent="0.15">
      <c r="A31" s="18" t="s">
        <v>193</v>
      </c>
      <c r="B31" s="18" t="s">
        <v>365</v>
      </c>
      <c r="C31" s="18" t="s">
        <v>153</v>
      </c>
      <c r="D31" s="18" t="s">
        <v>8</v>
      </c>
      <c r="E31" s="18" t="s">
        <v>4</v>
      </c>
      <c r="F31" s="18" t="s">
        <v>157</v>
      </c>
      <c r="G31" s="17">
        <v>20.533819999999999</v>
      </c>
      <c r="H31" s="17">
        <v>99.689340000000001</v>
      </c>
      <c r="I31" s="17">
        <v>92.358530000000002</v>
      </c>
      <c r="J31" s="17">
        <v>59.468150000000001</v>
      </c>
      <c r="K31" s="17">
        <v>33.268099999999997</v>
      </c>
      <c r="L31" s="17">
        <v>22.194900000000001</v>
      </c>
      <c r="M31" s="17">
        <v>17.423079999999999</v>
      </c>
      <c r="N31" s="17">
        <v>14.07076</v>
      </c>
      <c r="O31" s="17">
        <v>9.7166300000000003</v>
      </c>
      <c r="P31" s="17">
        <v>6.4083300000000003</v>
      </c>
      <c r="Q31" s="17">
        <v>4.06257</v>
      </c>
      <c r="R31" s="17">
        <v>3.6584699999999999</v>
      </c>
      <c r="S31" s="17">
        <v>3.0409600000000001</v>
      </c>
      <c r="T31" s="17">
        <v>2.57294</v>
      </c>
      <c r="U31" s="17">
        <v>2.35622</v>
      </c>
      <c r="V31" s="17">
        <v>2.2863099999999998</v>
      </c>
      <c r="W31" s="17">
        <v>1.7089700000000001</v>
      </c>
      <c r="X31" s="17">
        <v>0.93457999999999997</v>
      </c>
      <c r="Y31" s="17">
        <v>0.48076999999999998</v>
      </c>
      <c r="Z31" s="17">
        <v>30.64123</v>
      </c>
      <c r="AA31" s="17">
        <v>2.8042500000000001</v>
      </c>
      <c r="AB31" s="17">
        <v>2.28348</v>
      </c>
      <c r="AC31" s="17">
        <v>1.9598800000000001</v>
      </c>
      <c r="AD31" s="17">
        <v>21.840920000000001</v>
      </c>
    </row>
    <row r="32" spans="1:30" x14ac:dyDescent="0.15">
      <c r="A32" s="18" t="s">
        <v>363</v>
      </c>
      <c r="B32" s="18" t="s">
        <v>192</v>
      </c>
      <c r="C32" s="18" t="s">
        <v>153</v>
      </c>
      <c r="D32" s="18" t="s">
        <v>8</v>
      </c>
      <c r="E32" s="18" t="s">
        <v>4</v>
      </c>
      <c r="F32" s="18" t="s">
        <v>156</v>
      </c>
      <c r="G32" s="17">
        <v>56.767809999999997</v>
      </c>
      <c r="H32" s="17">
        <v>0.26780999999999999</v>
      </c>
      <c r="I32" s="17">
        <v>7.1312600000000002</v>
      </c>
      <c r="J32" s="17">
        <v>38.473089999999999</v>
      </c>
      <c r="K32" s="17">
        <v>62.501159999999999</v>
      </c>
      <c r="L32" s="17">
        <v>71.380260000000007</v>
      </c>
      <c r="M32" s="17">
        <v>73.733339999999998</v>
      </c>
      <c r="N32" s="17">
        <v>74.666669999999996</v>
      </c>
      <c r="O32" s="17">
        <v>77.193690000000004</v>
      </c>
      <c r="P32" s="17">
        <v>79.599999999999994</v>
      </c>
      <c r="Q32" s="17">
        <v>78.420270000000002</v>
      </c>
      <c r="R32" s="17">
        <v>73.450779999999995</v>
      </c>
      <c r="S32" s="17">
        <v>65.418559999999999</v>
      </c>
      <c r="T32" s="17">
        <v>51.181370000000001</v>
      </c>
      <c r="U32" s="17">
        <v>33.868270000000003</v>
      </c>
      <c r="V32" s="17">
        <v>17.00442</v>
      </c>
      <c r="W32" s="17">
        <v>5.9060100000000002</v>
      </c>
      <c r="X32" s="17">
        <v>2.1240399999999999</v>
      </c>
      <c r="Y32" s="17">
        <v>1.44231</v>
      </c>
      <c r="Z32" s="17">
        <v>60.755989999999997</v>
      </c>
      <c r="AA32" s="17">
        <v>49.772069999999999</v>
      </c>
      <c r="AB32" s="17">
        <v>31.649640000000002</v>
      </c>
      <c r="AC32" s="17">
        <v>12.03491</v>
      </c>
      <c r="AD32" s="17">
        <v>66.943049999999999</v>
      </c>
    </row>
    <row r="33" spans="1:30" x14ac:dyDescent="0.15">
      <c r="A33" s="18" t="s">
        <v>193</v>
      </c>
      <c r="B33" s="18" t="s">
        <v>192</v>
      </c>
      <c r="C33" s="18" t="s">
        <v>153</v>
      </c>
      <c r="D33" s="18" t="s">
        <v>8</v>
      </c>
      <c r="E33" s="18" t="s">
        <v>4</v>
      </c>
      <c r="F33" s="18" t="s">
        <v>155</v>
      </c>
      <c r="G33" s="17">
        <v>16.755210000000002</v>
      </c>
      <c r="H33" s="17">
        <v>1.0710000000000001E-2</v>
      </c>
      <c r="I33" s="17">
        <v>4.6379999999999998E-2</v>
      </c>
      <c r="J33" s="17">
        <v>4.2889999999999998E-2</v>
      </c>
      <c r="K33" s="17">
        <v>0.11183</v>
      </c>
      <c r="L33" s="17">
        <v>0.26898</v>
      </c>
      <c r="M33" s="17">
        <v>0.58343</v>
      </c>
      <c r="N33" s="17">
        <v>1.2811900000000001</v>
      </c>
      <c r="O33" s="17">
        <v>2.7773300000000001</v>
      </c>
      <c r="P33" s="17">
        <v>5.1166700000000001</v>
      </c>
      <c r="Q33" s="17">
        <v>9.0452300000000001</v>
      </c>
      <c r="R33" s="17">
        <v>15.11792</v>
      </c>
      <c r="S33" s="17">
        <v>25.244789999999998</v>
      </c>
      <c r="T33" s="17">
        <v>42.016309999999997</v>
      </c>
      <c r="U33" s="17">
        <v>60.463819999999998</v>
      </c>
      <c r="V33" s="17">
        <v>78.228110000000001</v>
      </c>
      <c r="W33" s="17">
        <v>90.776579999999996</v>
      </c>
      <c r="X33" s="17">
        <v>95.412059999999997</v>
      </c>
      <c r="Y33" s="17">
        <v>97.115380000000002</v>
      </c>
      <c r="Z33" s="17">
        <v>2.14608</v>
      </c>
      <c r="AA33" s="17">
        <v>42.381329999999998</v>
      </c>
      <c r="AB33" s="17">
        <v>62.890720000000002</v>
      </c>
      <c r="AC33" s="17">
        <v>83.899860000000004</v>
      </c>
      <c r="AD33" s="17">
        <v>4.1066700000000003</v>
      </c>
    </row>
    <row r="34" spans="1:30" x14ac:dyDescent="0.15">
      <c r="A34" s="18" t="s">
        <v>193</v>
      </c>
      <c r="B34" s="18" t="s">
        <v>192</v>
      </c>
      <c r="C34" s="18" t="s">
        <v>153</v>
      </c>
      <c r="D34" s="18" t="s">
        <v>8</v>
      </c>
      <c r="E34" s="18" t="s">
        <v>4</v>
      </c>
      <c r="F34" s="18" t="s">
        <v>154</v>
      </c>
      <c r="G34" s="17">
        <v>5.9431599999999998</v>
      </c>
      <c r="H34" s="17">
        <v>3.2140000000000002E-2</v>
      </c>
      <c r="I34" s="17">
        <v>0.46382000000000001</v>
      </c>
      <c r="J34" s="17">
        <v>2.0158700000000001</v>
      </c>
      <c r="K34" s="17">
        <v>4.1189099999999996</v>
      </c>
      <c r="L34" s="17">
        <v>6.1558599999999997</v>
      </c>
      <c r="M34" s="17">
        <v>8.2601499999999994</v>
      </c>
      <c r="N34" s="17">
        <v>9.9813799999999997</v>
      </c>
      <c r="O34" s="17">
        <v>10.31235</v>
      </c>
      <c r="P34" s="17">
        <v>8.875</v>
      </c>
      <c r="Q34" s="17">
        <v>8.47194</v>
      </c>
      <c r="R34" s="17">
        <v>7.7728400000000004</v>
      </c>
      <c r="S34" s="17">
        <v>6.2956799999999999</v>
      </c>
      <c r="T34" s="17">
        <v>4.2293799999999999</v>
      </c>
      <c r="U34" s="17">
        <v>3.31169</v>
      </c>
      <c r="V34" s="17">
        <v>2.48116</v>
      </c>
      <c r="W34" s="17">
        <v>1.6084400000000001</v>
      </c>
      <c r="X34" s="17">
        <v>1.5293099999999999</v>
      </c>
      <c r="Y34" s="17">
        <v>0.96153999999999995</v>
      </c>
      <c r="Z34" s="17">
        <v>6.4566999999999997</v>
      </c>
      <c r="AA34" s="17">
        <v>5.0423499999999999</v>
      </c>
      <c r="AB34" s="17">
        <v>3.1761599999999999</v>
      </c>
      <c r="AC34" s="17">
        <v>2.10534</v>
      </c>
      <c r="AD34" s="17">
        <v>7.1093599999999997</v>
      </c>
    </row>
  </sheetData>
  <phoneticPr fontId="3"/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K16"/>
  <sheetViews>
    <sheetView zoomScaleNormal="100" workbookViewId="0">
      <pane xSplit="5" ySplit="10" topLeftCell="F11" activePane="bottomRight" state="frozen"/>
      <selection pane="topRight" activeCell="F1" sqref="F1"/>
      <selection pane="bottomLeft" activeCell="A11" sqref="A11"/>
      <selection pane="bottomRight" sqref="A1:DK1048576"/>
    </sheetView>
  </sheetViews>
  <sheetFormatPr defaultRowHeight="12" x14ac:dyDescent="0.15"/>
  <cols>
    <col min="1" max="2" width="12.625" style="11" customWidth="1"/>
    <col min="3" max="3" width="2.375" style="11" bestFit="1" customWidth="1"/>
    <col min="4" max="4" width="11.25" style="11" bestFit="1" customWidth="1"/>
    <col min="5" max="115" width="12.625" style="11" customWidth="1"/>
    <col min="116" max="16384" width="9" style="11"/>
  </cols>
  <sheetData>
    <row r="1" spans="1:115" ht="18.75" customHeight="1" x14ac:dyDescent="0.15">
      <c r="A1" s="11" t="s">
        <v>186</v>
      </c>
    </row>
    <row r="2" spans="1:115" ht="19.5" customHeight="1" x14ac:dyDescent="0.15">
      <c r="A2" s="11" t="s">
        <v>322</v>
      </c>
    </row>
    <row r="4" spans="1:115" hidden="1" x14ac:dyDescent="0.15"/>
    <row r="5" spans="1:115" collapsed="1" x14ac:dyDescent="0.15">
      <c r="F5" s="12" t="s">
        <v>7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7</v>
      </c>
      <c r="AI5" s="12" t="s">
        <v>7</v>
      </c>
      <c r="AJ5" s="12" t="s">
        <v>7</v>
      </c>
      <c r="AK5" s="12" t="s">
        <v>7</v>
      </c>
      <c r="AL5" s="12" t="s">
        <v>7</v>
      </c>
      <c r="AM5" s="12" t="s">
        <v>7</v>
      </c>
      <c r="AN5" s="12" t="s">
        <v>7</v>
      </c>
      <c r="AO5" s="12" t="s">
        <v>7</v>
      </c>
      <c r="AP5" s="12" t="s">
        <v>7</v>
      </c>
      <c r="AQ5" s="12" t="s">
        <v>7</v>
      </c>
      <c r="AR5" s="12" t="s">
        <v>7</v>
      </c>
      <c r="AS5" s="12" t="s">
        <v>7</v>
      </c>
      <c r="AT5" s="12" t="s">
        <v>7</v>
      </c>
      <c r="AU5" s="12" t="s">
        <v>7</v>
      </c>
      <c r="AV5" s="12" t="s">
        <v>7</v>
      </c>
      <c r="AW5" s="12" t="s">
        <v>7</v>
      </c>
      <c r="AX5" s="12" t="s">
        <v>7</v>
      </c>
      <c r="AY5" s="12" t="s">
        <v>7</v>
      </c>
      <c r="AZ5" s="12" t="s">
        <v>7</v>
      </c>
      <c r="BA5" s="12" t="s">
        <v>7</v>
      </c>
      <c r="BB5" s="12" t="s">
        <v>7</v>
      </c>
      <c r="BC5" s="12" t="s">
        <v>7</v>
      </c>
      <c r="BD5" s="12" t="s">
        <v>7</v>
      </c>
      <c r="BE5" s="12" t="s">
        <v>7</v>
      </c>
      <c r="BF5" s="12" t="s">
        <v>7</v>
      </c>
      <c r="BG5" s="12" t="s">
        <v>7</v>
      </c>
      <c r="BH5" s="12" t="s">
        <v>7</v>
      </c>
      <c r="BI5" s="12" t="s">
        <v>7</v>
      </c>
      <c r="BJ5" s="12" t="s">
        <v>7</v>
      </c>
      <c r="BK5" s="12" t="s">
        <v>7</v>
      </c>
      <c r="BL5" s="12" t="s">
        <v>7</v>
      </c>
      <c r="BM5" s="12" t="s">
        <v>7</v>
      </c>
      <c r="BN5" s="12" t="s">
        <v>7</v>
      </c>
      <c r="BO5" s="12" t="s">
        <v>7</v>
      </c>
      <c r="BP5" s="12" t="s">
        <v>7</v>
      </c>
      <c r="BQ5" s="12" t="s">
        <v>7</v>
      </c>
      <c r="BR5" s="12" t="s">
        <v>7</v>
      </c>
      <c r="BS5" s="12" t="s">
        <v>7</v>
      </c>
      <c r="BT5" s="12" t="s">
        <v>7</v>
      </c>
      <c r="BU5" s="12" t="s">
        <v>7</v>
      </c>
      <c r="BV5" s="12" t="s">
        <v>7</v>
      </c>
      <c r="BW5" s="12" t="s">
        <v>7</v>
      </c>
      <c r="BX5" s="12" t="s">
        <v>7</v>
      </c>
      <c r="BY5" s="12" t="s">
        <v>7</v>
      </c>
      <c r="BZ5" s="12" t="s">
        <v>7</v>
      </c>
      <c r="CA5" s="12" t="s">
        <v>7</v>
      </c>
      <c r="CB5" s="12" t="s">
        <v>7</v>
      </c>
      <c r="CC5" s="12" t="s">
        <v>7</v>
      </c>
      <c r="CD5" s="12" t="s">
        <v>7</v>
      </c>
      <c r="CE5" s="12" t="s">
        <v>7</v>
      </c>
      <c r="CF5" s="12" t="s">
        <v>7</v>
      </c>
      <c r="CG5" s="12" t="s">
        <v>7</v>
      </c>
      <c r="CH5" s="12" t="s">
        <v>7</v>
      </c>
      <c r="CI5" s="12" t="s">
        <v>7</v>
      </c>
      <c r="CJ5" s="12" t="s">
        <v>7</v>
      </c>
      <c r="CK5" s="12" t="s">
        <v>7</v>
      </c>
      <c r="CL5" s="12" t="s">
        <v>7</v>
      </c>
      <c r="CM5" s="12" t="s">
        <v>7</v>
      </c>
      <c r="CN5" s="12" t="s">
        <v>7</v>
      </c>
      <c r="CO5" s="12" t="s">
        <v>7</v>
      </c>
      <c r="CP5" s="12" t="s">
        <v>7</v>
      </c>
      <c r="CQ5" s="12" t="s">
        <v>7</v>
      </c>
      <c r="CR5" s="12" t="s">
        <v>7</v>
      </c>
      <c r="CS5" s="12" t="s">
        <v>7</v>
      </c>
      <c r="CT5" s="12" t="s">
        <v>7</v>
      </c>
      <c r="CU5" s="12" t="s">
        <v>7</v>
      </c>
      <c r="CV5" s="12" t="s">
        <v>7</v>
      </c>
      <c r="CW5" s="12" t="s">
        <v>7</v>
      </c>
      <c r="CX5" s="12" t="s">
        <v>7</v>
      </c>
      <c r="CY5" s="12" t="s">
        <v>7</v>
      </c>
      <c r="CZ5" s="12" t="s">
        <v>7</v>
      </c>
      <c r="DA5" s="12" t="s">
        <v>7</v>
      </c>
      <c r="DB5" s="12" t="s">
        <v>7</v>
      </c>
      <c r="DC5" s="12" t="s">
        <v>7</v>
      </c>
      <c r="DD5" s="12" t="s">
        <v>7</v>
      </c>
      <c r="DE5" s="12" t="s">
        <v>7</v>
      </c>
      <c r="DF5" s="12" t="s">
        <v>7</v>
      </c>
      <c r="DG5" s="12" t="s">
        <v>7</v>
      </c>
      <c r="DH5" s="12" t="s">
        <v>7</v>
      </c>
      <c r="DI5" s="12" t="s">
        <v>7</v>
      </c>
      <c r="DJ5" s="12" t="s">
        <v>121</v>
      </c>
      <c r="DK5" s="12" t="s">
        <v>120</v>
      </c>
    </row>
    <row r="6" spans="1:115" x14ac:dyDescent="0.15">
      <c r="F6" s="12" t="s">
        <v>119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  <c r="CU6" s="12" t="s">
        <v>119</v>
      </c>
      <c r="CV6" s="12" t="s">
        <v>119</v>
      </c>
      <c r="CW6" s="12" t="s">
        <v>119</v>
      </c>
      <c r="CX6" s="12" t="s">
        <v>119</v>
      </c>
      <c r="CY6" s="12" t="s">
        <v>119</v>
      </c>
      <c r="CZ6" s="12" t="s">
        <v>119</v>
      </c>
      <c r="DA6" s="12" t="s">
        <v>119</v>
      </c>
      <c r="DB6" s="12" t="s">
        <v>119</v>
      </c>
      <c r="DC6" s="12" t="s">
        <v>119</v>
      </c>
      <c r="DD6" s="12" t="s">
        <v>119</v>
      </c>
      <c r="DE6" s="12" t="s">
        <v>119</v>
      </c>
      <c r="DF6" s="12" t="s">
        <v>119</v>
      </c>
      <c r="DG6" s="12" t="s">
        <v>119</v>
      </c>
      <c r="DH6" s="12" t="s">
        <v>119</v>
      </c>
      <c r="DI6" s="12" t="s">
        <v>119</v>
      </c>
      <c r="DJ6" s="12"/>
      <c r="DK6" s="12"/>
    </row>
    <row r="7" spans="1:115" x14ac:dyDescent="0.15">
      <c r="F7" s="12" t="s">
        <v>187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 t="s">
        <v>187</v>
      </c>
      <c r="AQ7" s="12" t="s">
        <v>187</v>
      </c>
      <c r="AR7" s="12" t="s">
        <v>187</v>
      </c>
      <c r="AS7" s="12" t="s">
        <v>187</v>
      </c>
      <c r="AT7" s="12" t="s">
        <v>187</v>
      </c>
      <c r="AU7" s="12" t="s">
        <v>187</v>
      </c>
      <c r="AV7" s="12" t="s">
        <v>187</v>
      </c>
      <c r="AW7" s="12" t="s">
        <v>187</v>
      </c>
      <c r="AX7" s="12" t="s">
        <v>187</v>
      </c>
      <c r="AY7" s="12" t="s">
        <v>187</v>
      </c>
      <c r="AZ7" s="12" t="s">
        <v>187</v>
      </c>
      <c r="BA7" s="12" t="s">
        <v>187</v>
      </c>
      <c r="BB7" s="12" t="s">
        <v>187</v>
      </c>
      <c r="BC7" s="12" t="s">
        <v>187</v>
      </c>
      <c r="BD7" s="12" t="s">
        <v>187</v>
      </c>
      <c r="BE7" s="12" t="s">
        <v>187</v>
      </c>
      <c r="BF7" s="12" t="s">
        <v>187</v>
      </c>
      <c r="BG7" s="12" t="s">
        <v>187</v>
      </c>
      <c r="BH7" s="12" t="s">
        <v>187</v>
      </c>
      <c r="BI7" s="12" t="s">
        <v>187</v>
      </c>
      <c r="BJ7" s="12" t="s">
        <v>187</v>
      </c>
      <c r="BK7" s="12" t="s">
        <v>187</v>
      </c>
      <c r="BL7" s="12" t="s">
        <v>187</v>
      </c>
      <c r="BM7" s="12" t="s">
        <v>187</v>
      </c>
      <c r="BN7" s="12" t="s">
        <v>187</v>
      </c>
      <c r="BO7" s="12" t="s">
        <v>187</v>
      </c>
      <c r="BP7" s="12" t="s">
        <v>187</v>
      </c>
      <c r="BQ7" s="12" t="s">
        <v>187</v>
      </c>
      <c r="BR7" s="12" t="s">
        <v>187</v>
      </c>
      <c r="BS7" s="12" t="s">
        <v>187</v>
      </c>
      <c r="BT7" s="12" t="s">
        <v>187</v>
      </c>
      <c r="BU7" s="12" t="s">
        <v>187</v>
      </c>
      <c r="BV7" s="12" t="s">
        <v>187</v>
      </c>
      <c r="BW7" s="12" t="s">
        <v>187</v>
      </c>
      <c r="BX7" s="12" t="s">
        <v>187</v>
      </c>
      <c r="BY7" s="12" t="s">
        <v>187</v>
      </c>
      <c r="BZ7" s="12" t="s">
        <v>187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187</v>
      </c>
      <c r="CG7" s="12" t="s">
        <v>187</v>
      </c>
      <c r="CH7" s="12" t="s">
        <v>187</v>
      </c>
      <c r="CI7" s="12" t="s">
        <v>187</v>
      </c>
      <c r="CJ7" s="12" t="s">
        <v>187</v>
      </c>
      <c r="CK7" s="12" t="s">
        <v>187</v>
      </c>
      <c r="CL7" s="12" t="s">
        <v>187</v>
      </c>
      <c r="CM7" s="12" t="s">
        <v>187</v>
      </c>
      <c r="CN7" s="12" t="s">
        <v>187</v>
      </c>
      <c r="CO7" s="12" t="s">
        <v>187</v>
      </c>
      <c r="CP7" s="12" t="s">
        <v>187</v>
      </c>
      <c r="CQ7" s="12" t="s">
        <v>187</v>
      </c>
      <c r="CR7" s="12" t="s">
        <v>187</v>
      </c>
      <c r="CS7" s="12" t="s">
        <v>187</v>
      </c>
      <c r="CT7" s="12" t="s">
        <v>187</v>
      </c>
      <c r="CU7" s="12" t="s">
        <v>187</v>
      </c>
      <c r="CV7" s="12" t="s">
        <v>187</v>
      </c>
      <c r="CW7" s="12" t="s">
        <v>187</v>
      </c>
      <c r="CX7" s="12" t="s">
        <v>187</v>
      </c>
      <c r="CY7" s="12" t="s">
        <v>187</v>
      </c>
      <c r="CZ7" s="12" t="s">
        <v>187</v>
      </c>
      <c r="DA7" s="12" t="s">
        <v>187</v>
      </c>
      <c r="DB7" s="12" t="s">
        <v>187</v>
      </c>
      <c r="DC7" s="12" t="s">
        <v>187</v>
      </c>
      <c r="DD7" s="12" t="s">
        <v>187</v>
      </c>
      <c r="DE7" s="12" t="s">
        <v>187</v>
      </c>
      <c r="DF7" s="12" t="s">
        <v>187</v>
      </c>
      <c r="DG7" s="12" t="s">
        <v>187</v>
      </c>
      <c r="DH7" s="12" t="s">
        <v>187</v>
      </c>
      <c r="DI7" s="12" t="s">
        <v>187</v>
      </c>
      <c r="DJ7" s="12"/>
      <c r="DK7" s="12"/>
    </row>
    <row r="8" spans="1:115" ht="24" x14ac:dyDescent="0.15">
      <c r="F8" s="12" t="s">
        <v>118</v>
      </c>
      <c r="G8" s="12" t="s">
        <v>117</v>
      </c>
      <c r="H8" s="12" t="s">
        <v>116</v>
      </c>
      <c r="I8" s="12" t="s">
        <v>115</v>
      </c>
      <c r="J8" s="12" t="s">
        <v>114</v>
      </c>
      <c r="K8" s="12" t="s">
        <v>113</v>
      </c>
      <c r="L8" s="12" t="s">
        <v>112</v>
      </c>
      <c r="M8" s="12" t="s">
        <v>111</v>
      </c>
      <c r="N8" s="12" t="s">
        <v>110</v>
      </c>
      <c r="O8" s="12" t="s">
        <v>109</v>
      </c>
      <c r="P8" s="12" t="s">
        <v>108</v>
      </c>
      <c r="Q8" s="12" t="s">
        <v>107</v>
      </c>
      <c r="R8" s="12" t="s">
        <v>106</v>
      </c>
      <c r="S8" s="12" t="s">
        <v>105</v>
      </c>
      <c r="T8" s="12" t="s">
        <v>104</v>
      </c>
      <c r="U8" s="12" t="s">
        <v>103</v>
      </c>
      <c r="V8" s="12" t="s">
        <v>102</v>
      </c>
      <c r="W8" s="12" t="s">
        <v>101</v>
      </c>
      <c r="X8" s="12" t="s">
        <v>100</v>
      </c>
      <c r="Y8" s="12" t="s">
        <v>99</v>
      </c>
      <c r="Z8" s="12" t="s">
        <v>98</v>
      </c>
      <c r="AA8" s="12" t="s">
        <v>97</v>
      </c>
      <c r="AB8" s="12" t="s">
        <v>96</v>
      </c>
      <c r="AC8" s="12" t="s">
        <v>95</v>
      </c>
      <c r="AD8" s="12" t="s">
        <v>94</v>
      </c>
      <c r="AE8" s="12" t="s">
        <v>93</v>
      </c>
      <c r="AF8" s="12" t="s">
        <v>92</v>
      </c>
      <c r="AG8" s="12" t="s">
        <v>91</v>
      </c>
      <c r="AH8" s="12" t="s">
        <v>90</v>
      </c>
      <c r="AI8" s="12" t="s">
        <v>89</v>
      </c>
      <c r="AJ8" s="12" t="s">
        <v>88</v>
      </c>
      <c r="AK8" s="12" t="s">
        <v>87</v>
      </c>
      <c r="AL8" s="12" t="s">
        <v>86</v>
      </c>
      <c r="AM8" s="12" t="s">
        <v>85</v>
      </c>
      <c r="AN8" s="12" t="s">
        <v>84</v>
      </c>
      <c r="AO8" s="12" t="s">
        <v>83</v>
      </c>
      <c r="AP8" s="12" t="s">
        <v>82</v>
      </c>
      <c r="AQ8" s="12" t="s">
        <v>81</v>
      </c>
      <c r="AR8" s="12" t="s">
        <v>80</v>
      </c>
      <c r="AS8" s="12" t="s">
        <v>79</v>
      </c>
      <c r="AT8" s="12" t="s">
        <v>78</v>
      </c>
      <c r="AU8" s="12" t="s">
        <v>77</v>
      </c>
      <c r="AV8" s="12" t="s">
        <v>76</v>
      </c>
      <c r="AW8" s="12" t="s">
        <v>75</v>
      </c>
      <c r="AX8" s="12" t="s">
        <v>74</v>
      </c>
      <c r="AY8" s="12" t="s">
        <v>73</v>
      </c>
      <c r="AZ8" s="12" t="s">
        <v>72</v>
      </c>
      <c r="BA8" s="12" t="s">
        <v>71</v>
      </c>
      <c r="BB8" s="12" t="s">
        <v>70</v>
      </c>
      <c r="BC8" s="12" t="s">
        <v>69</v>
      </c>
      <c r="BD8" s="12" t="s">
        <v>68</v>
      </c>
      <c r="BE8" s="12" t="s">
        <v>67</v>
      </c>
      <c r="BF8" s="12" t="s">
        <v>66</v>
      </c>
      <c r="BG8" s="12" t="s">
        <v>65</v>
      </c>
      <c r="BH8" s="12" t="s">
        <v>64</v>
      </c>
      <c r="BI8" s="12" t="s">
        <v>63</v>
      </c>
      <c r="BJ8" s="12" t="s">
        <v>62</v>
      </c>
      <c r="BK8" s="12" t="s">
        <v>61</v>
      </c>
      <c r="BL8" s="12" t="s">
        <v>60</v>
      </c>
      <c r="BM8" s="12" t="s">
        <v>59</v>
      </c>
      <c r="BN8" s="12" t="s">
        <v>58</v>
      </c>
      <c r="BO8" s="12" t="s">
        <v>57</v>
      </c>
      <c r="BP8" s="12" t="s">
        <v>56</v>
      </c>
      <c r="BQ8" s="12" t="s">
        <v>55</v>
      </c>
      <c r="BR8" s="12" t="s">
        <v>54</v>
      </c>
      <c r="BS8" s="12" t="s">
        <v>53</v>
      </c>
      <c r="BT8" s="12" t="s">
        <v>52</v>
      </c>
      <c r="BU8" s="12" t="s">
        <v>51</v>
      </c>
      <c r="BV8" s="12" t="s">
        <v>50</v>
      </c>
      <c r="BW8" s="12" t="s">
        <v>49</v>
      </c>
      <c r="BX8" s="12" t="s">
        <v>48</v>
      </c>
      <c r="BY8" s="12" t="s">
        <v>47</v>
      </c>
      <c r="BZ8" s="12" t="s">
        <v>46</v>
      </c>
      <c r="CA8" s="12" t="s">
        <v>45</v>
      </c>
      <c r="CB8" s="12" t="s">
        <v>44</v>
      </c>
      <c r="CC8" s="12" t="s">
        <v>43</v>
      </c>
      <c r="CD8" s="12" t="s">
        <v>42</v>
      </c>
      <c r="CE8" s="12" t="s">
        <v>41</v>
      </c>
      <c r="CF8" s="12" t="s">
        <v>40</v>
      </c>
      <c r="CG8" s="12" t="s">
        <v>39</v>
      </c>
      <c r="CH8" s="12" t="s">
        <v>38</v>
      </c>
      <c r="CI8" s="12" t="s">
        <v>37</v>
      </c>
      <c r="CJ8" s="12" t="s">
        <v>36</v>
      </c>
      <c r="CK8" s="12" t="s">
        <v>35</v>
      </c>
      <c r="CL8" s="12" t="s">
        <v>34</v>
      </c>
      <c r="CM8" s="12" t="s">
        <v>33</v>
      </c>
      <c r="CN8" s="12" t="s">
        <v>32</v>
      </c>
      <c r="CO8" s="12" t="s">
        <v>31</v>
      </c>
      <c r="CP8" s="12" t="s">
        <v>30</v>
      </c>
      <c r="CQ8" s="12" t="s">
        <v>29</v>
      </c>
      <c r="CR8" s="12" t="s">
        <v>28</v>
      </c>
      <c r="CS8" s="12" t="s">
        <v>27</v>
      </c>
      <c r="CT8" s="12" t="s">
        <v>26</v>
      </c>
      <c r="CU8" s="12" t="s">
        <v>25</v>
      </c>
      <c r="CV8" s="12" t="s">
        <v>24</v>
      </c>
      <c r="CW8" s="12" t="s">
        <v>23</v>
      </c>
      <c r="CX8" s="12" t="s">
        <v>22</v>
      </c>
      <c r="CY8" s="12" t="s">
        <v>21</v>
      </c>
      <c r="CZ8" s="12" t="s">
        <v>20</v>
      </c>
      <c r="DA8" s="12" t="s">
        <v>19</v>
      </c>
      <c r="DB8" s="12" t="s">
        <v>18</v>
      </c>
      <c r="DC8" s="12" t="s">
        <v>17</v>
      </c>
      <c r="DD8" s="12" t="s">
        <v>16</v>
      </c>
      <c r="DE8" s="12" t="s">
        <v>15</v>
      </c>
      <c r="DF8" s="12" t="s">
        <v>14</v>
      </c>
      <c r="DG8" s="12" t="s">
        <v>13</v>
      </c>
      <c r="DH8" s="12" t="s">
        <v>12</v>
      </c>
      <c r="DI8" s="12" t="s">
        <v>11</v>
      </c>
      <c r="DJ8" s="12"/>
      <c r="DK8" s="12"/>
    </row>
    <row r="9" spans="1:115" x14ac:dyDescent="0.15">
      <c r="F9" s="13" t="s">
        <v>188</v>
      </c>
      <c r="G9" s="13" t="s">
        <v>188</v>
      </c>
      <c r="H9" s="13" t="s">
        <v>188</v>
      </c>
      <c r="I9" s="13" t="s">
        <v>188</v>
      </c>
      <c r="J9" s="13" t="s">
        <v>188</v>
      </c>
      <c r="K9" s="13" t="s">
        <v>188</v>
      </c>
      <c r="L9" s="13" t="s">
        <v>188</v>
      </c>
      <c r="M9" s="13" t="s">
        <v>188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188</v>
      </c>
      <c r="T9" s="13" t="s">
        <v>188</v>
      </c>
      <c r="U9" s="13" t="s">
        <v>188</v>
      </c>
      <c r="V9" s="13" t="s">
        <v>188</v>
      </c>
      <c r="W9" s="13" t="s">
        <v>188</v>
      </c>
      <c r="X9" s="13" t="s">
        <v>188</v>
      </c>
      <c r="Y9" s="13" t="s">
        <v>188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188</v>
      </c>
      <c r="AF9" s="13" t="s">
        <v>188</v>
      </c>
      <c r="AG9" s="13" t="s">
        <v>188</v>
      </c>
      <c r="AH9" s="13" t="s">
        <v>188</v>
      </c>
      <c r="AI9" s="13" t="s">
        <v>188</v>
      </c>
      <c r="AJ9" s="13" t="s">
        <v>188</v>
      </c>
      <c r="AK9" s="13" t="s">
        <v>188</v>
      </c>
      <c r="AL9" s="13" t="s">
        <v>188</v>
      </c>
      <c r="AM9" s="13" t="s">
        <v>188</v>
      </c>
      <c r="AN9" s="13" t="s">
        <v>188</v>
      </c>
      <c r="AO9" s="13" t="s">
        <v>188</v>
      </c>
      <c r="AP9" s="13" t="s">
        <v>188</v>
      </c>
      <c r="AQ9" s="13" t="s">
        <v>188</v>
      </c>
      <c r="AR9" s="13" t="s">
        <v>188</v>
      </c>
      <c r="AS9" s="13" t="s">
        <v>188</v>
      </c>
      <c r="AT9" s="13" t="s">
        <v>188</v>
      </c>
      <c r="AU9" s="13" t="s">
        <v>188</v>
      </c>
      <c r="AV9" s="13" t="s">
        <v>188</v>
      </c>
      <c r="AW9" s="13" t="s">
        <v>188</v>
      </c>
      <c r="AX9" s="13" t="s">
        <v>188</v>
      </c>
      <c r="AY9" s="13" t="s">
        <v>188</v>
      </c>
      <c r="AZ9" s="13" t="s">
        <v>188</v>
      </c>
      <c r="BA9" s="13" t="s">
        <v>188</v>
      </c>
      <c r="BB9" s="13" t="s">
        <v>188</v>
      </c>
      <c r="BC9" s="13" t="s">
        <v>188</v>
      </c>
      <c r="BD9" s="13" t="s">
        <v>188</v>
      </c>
      <c r="BE9" s="13" t="s">
        <v>188</v>
      </c>
      <c r="BF9" s="13" t="s">
        <v>188</v>
      </c>
      <c r="BG9" s="13" t="s">
        <v>188</v>
      </c>
      <c r="BH9" s="13" t="s">
        <v>188</v>
      </c>
      <c r="BI9" s="13" t="s">
        <v>188</v>
      </c>
      <c r="BJ9" s="13" t="s">
        <v>188</v>
      </c>
      <c r="BK9" s="13" t="s">
        <v>188</v>
      </c>
      <c r="BL9" s="13" t="s">
        <v>188</v>
      </c>
      <c r="BM9" s="13" t="s">
        <v>188</v>
      </c>
      <c r="BN9" s="13" t="s">
        <v>188</v>
      </c>
      <c r="BO9" s="13" t="s">
        <v>188</v>
      </c>
      <c r="BP9" s="13" t="s">
        <v>188</v>
      </c>
      <c r="BQ9" s="13" t="s">
        <v>188</v>
      </c>
      <c r="BR9" s="13" t="s">
        <v>188</v>
      </c>
      <c r="BS9" s="13" t="s">
        <v>188</v>
      </c>
      <c r="BT9" s="13" t="s">
        <v>188</v>
      </c>
      <c r="BU9" s="13" t="s">
        <v>188</v>
      </c>
      <c r="BV9" s="13" t="s">
        <v>188</v>
      </c>
      <c r="BW9" s="13" t="s">
        <v>188</v>
      </c>
      <c r="BX9" s="13" t="s">
        <v>188</v>
      </c>
      <c r="BY9" s="13" t="s">
        <v>188</v>
      </c>
      <c r="BZ9" s="13" t="s">
        <v>188</v>
      </c>
      <c r="CA9" s="13" t="s">
        <v>188</v>
      </c>
      <c r="CB9" s="13" t="s">
        <v>188</v>
      </c>
      <c r="CC9" s="13" t="s">
        <v>188</v>
      </c>
      <c r="CD9" s="13" t="s">
        <v>188</v>
      </c>
      <c r="CE9" s="13" t="s">
        <v>188</v>
      </c>
      <c r="CF9" s="13" t="s">
        <v>188</v>
      </c>
      <c r="CG9" s="13" t="s">
        <v>188</v>
      </c>
      <c r="CH9" s="13" t="s">
        <v>188</v>
      </c>
      <c r="CI9" s="13" t="s">
        <v>188</v>
      </c>
      <c r="CJ9" s="13" t="s">
        <v>188</v>
      </c>
      <c r="CK9" s="13" t="s">
        <v>188</v>
      </c>
      <c r="CL9" s="13" t="s">
        <v>188</v>
      </c>
      <c r="CM9" s="13" t="s">
        <v>188</v>
      </c>
      <c r="CN9" s="13" t="s">
        <v>188</v>
      </c>
      <c r="CO9" s="13" t="s">
        <v>188</v>
      </c>
      <c r="CP9" s="13" t="s">
        <v>188</v>
      </c>
      <c r="CQ9" s="13" t="s">
        <v>188</v>
      </c>
      <c r="CR9" s="13" t="s">
        <v>188</v>
      </c>
      <c r="CS9" s="13" t="s">
        <v>188</v>
      </c>
      <c r="CT9" s="13" t="s">
        <v>188</v>
      </c>
      <c r="CU9" s="13" t="s">
        <v>188</v>
      </c>
      <c r="CV9" s="13" t="s">
        <v>188</v>
      </c>
      <c r="CW9" s="13" t="s">
        <v>188</v>
      </c>
      <c r="CX9" s="13" t="s">
        <v>188</v>
      </c>
      <c r="CY9" s="13" t="s">
        <v>188</v>
      </c>
      <c r="CZ9" s="13" t="s">
        <v>188</v>
      </c>
      <c r="DA9" s="13" t="s">
        <v>188</v>
      </c>
      <c r="DB9" s="13" t="s">
        <v>188</v>
      </c>
      <c r="DC9" s="13" t="s">
        <v>188</v>
      </c>
      <c r="DD9" s="13" t="s">
        <v>188</v>
      </c>
      <c r="DE9" s="13" t="s">
        <v>188</v>
      </c>
      <c r="DF9" s="13" t="s">
        <v>188</v>
      </c>
      <c r="DG9" s="13" t="s">
        <v>188</v>
      </c>
      <c r="DH9" s="13" t="s">
        <v>188</v>
      </c>
      <c r="DI9" s="13" t="s">
        <v>188</v>
      </c>
      <c r="DJ9" s="13" t="s">
        <v>189</v>
      </c>
      <c r="DK9" s="13" t="s">
        <v>189</v>
      </c>
    </row>
    <row r="10" spans="1:115" ht="13.5" x14ac:dyDescent="0.15">
      <c r="A10" s="14" t="s">
        <v>10</v>
      </c>
      <c r="B10" s="14" t="s">
        <v>6</v>
      </c>
      <c r="C10" s="14" t="s">
        <v>190</v>
      </c>
      <c r="D10" s="14" t="s">
        <v>191</v>
      </c>
      <c r="E10" s="14" t="s">
        <v>2</v>
      </c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  <c r="CU10" s="15"/>
      <c r="CV10" s="15"/>
      <c r="CW10" s="15"/>
      <c r="CX10" s="15"/>
      <c r="CY10" s="15"/>
      <c r="CZ10" s="15"/>
      <c r="DA10" s="15"/>
      <c r="DB10" s="15"/>
      <c r="DC10" s="15"/>
      <c r="DD10" s="15"/>
      <c r="DE10" s="15"/>
      <c r="DF10" s="15"/>
      <c r="DG10" s="15"/>
      <c r="DH10" s="15"/>
      <c r="DI10" s="15"/>
      <c r="DJ10" s="15"/>
      <c r="DK10" s="15"/>
    </row>
    <row r="11" spans="1:115" x14ac:dyDescent="0.15">
      <c r="A11" s="18" t="s">
        <v>9</v>
      </c>
      <c r="B11" s="18" t="s">
        <v>3</v>
      </c>
      <c r="C11" s="18" t="s">
        <v>193</v>
      </c>
      <c r="D11" s="18" t="s">
        <v>194</v>
      </c>
      <c r="E11" s="18" t="s">
        <v>153</v>
      </c>
      <c r="F11" s="16">
        <v>413938</v>
      </c>
      <c r="G11" s="16">
        <v>2790</v>
      </c>
      <c r="H11" s="16">
        <v>2920</v>
      </c>
      <c r="I11" s="16">
        <v>2945</v>
      </c>
      <c r="J11" s="16">
        <v>2961</v>
      </c>
      <c r="K11" s="16">
        <v>3161</v>
      </c>
      <c r="L11" s="16">
        <v>3170</v>
      </c>
      <c r="M11" s="16">
        <v>3116</v>
      </c>
      <c r="N11" s="16">
        <v>3224</v>
      </c>
      <c r="O11" s="16">
        <v>3283</v>
      </c>
      <c r="P11" s="16">
        <v>3352</v>
      </c>
      <c r="Q11" s="16">
        <v>3426</v>
      </c>
      <c r="R11" s="16">
        <v>3412</v>
      </c>
      <c r="S11" s="16">
        <v>3599</v>
      </c>
      <c r="T11" s="16">
        <v>3502</v>
      </c>
      <c r="U11" s="16">
        <v>3617</v>
      </c>
      <c r="V11" s="16">
        <v>3625</v>
      </c>
      <c r="W11" s="16">
        <v>3940</v>
      </c>
      <c r="X11" s="16">
        <v>3790</v>
      </c>
      <c r="Y11" s="16">
        <v>3990</v>
      </c>
      <c r="Z11" s="16">
        <v>4049</v>
      </c>
      <c r="AA11" s="16">
        <v>4214</v>
      </c>
      <c r="AB11" s="16">
        <v>4220</v>
      </c>
      <c r="AC11" s="16">
        <v>4181</v>
      </c>
      <c r="AD11" s="16">
        <v>3924</v>
      </c>
      <c r="AE11" s="16">
        <v>4003</v>
      </c>
      <c r="AF11" s="16">
        <v>4168</v>
      </c>
      <c r="AG11" s="16">
        <v>3910</v>
      </c>
      <c r="AH11" s="16">
        <v>3847</v>
      </c>
      <c r="AI11" s="16">
        <v>3832</v>
      </c>
      <c r="AJ11" s="16">
        <v>3824</v>
      </c>
      <c r="AK11" s="16">
        <v>4037</v>
      </c>
      <c r="AL11" s="16">
        <v>4099</v>
      </c>
      <c r="AM11" s="16">
        <v>4058</v>
      </c>
      <c r="AN11" s="16">
        <v>4212</v>
      </c>
      <c r="AO11" s="16">
        <v>4368</v>
      </c>
      <c r="AP11" s="16">
        <v>4568</v>
      </c>
      <c r="AQ11" s="16">
        <v>4600</v>
      </c>
      <c r="AR11" s="16">
        <v>4578</v>
      </c>
      <c r="AS11" s="16">
        <v>4746</v>
      </c>
      <c r="AT11" s="16">
        <v>4687</v>
      </c>
      <c r="AU11" s="16">
        <v>4901</v>
      </c>
      <c r="AV11" s="16">
        <v>5219</v>
      </c>
      <c r="AW11" s="16">
        <v>5606</v>
      </c>
      <c r="AX11" s="16">
        <v>5734</v>
      </c>
      <c r="AY11" s="16">
        <v>6049</v>
      </c>
      <c r="AZ11" s="16">
        <v>6574</v>
      </c>
      <c r="BA11" s="16">
        <v>6875</v>
      </c>
      <c r="BB11" s="16">
        <v>6984</v>
      </c>
      <c r="BC11" s="16">
        <v>6878</v>
      </c>
      <c r="BD11" s="16">
        <v>6505</v>
      </c>
      <c r="BE11" s="16">
        <v>6142</v>
      </c>
      <c r="BF11" s="16">
        <v>6048</v>
      </c>
      <c r="BG11" s="16">
        <v>5780</v>
      </c>
      <c r="BH11" s="16">
        <v>5715</v>
      </c>
      <c r="BI11" s="16">
        <v>4367</v>
      </c>
      <c r="BJ11" s="16">
        <v>5387</v>
      </c>
      <c r="BK11" s="16">
        <v>5089</v>
      </c>
      <c r="BL11" s="16">
        <v>5121</v>
      </c>
      <c r="BM11" s="16">
        <v>4646</v>
      </c>
      <c r="BN11" s="16">
        <v>4792</v>
      </c>
      <c r="BO11" s="16">
        <v>4841</v>
      </c>
      <c r="BP11" s="16">
        <v>4832</v>
      </c>
      <c r="BQ11" s="16">
        <v>4657</v>
      </c>
      <c r="BR11" s="16">
        <v>4515</v>
      </c>
      <c r="BS11" s="16">
        <v>4721</v>
      </c>
      <c r="BT11" s="16">
        <v>5198</v>
      </c>
      <c r="BU11" s="16">
        <v>5000</v>
      </c>
      <c r="BV11" s="16">
        <v>5458</v>
      </c>
      <c r="BW11" s="16">
        <v>5453</v>
      </c>
      <c r="BX11" s="16">
        <v>5724</v>
      </c>
      <c r="BY11" s="16">
        <v>6527</v>
      </c>
      <c r="BZ11" s="16">
        <v>7139</v>
      </c>
      <c r="CA11" s="16">
        <v>7306</v>
      </c>
      <c r="CB11" s="16">
        <v>7678</v>
      </c>
      <c r="CC11" s="16">
        <v>3932</v>
      </c>
      <c r="CD11" s="16">
        <v>4277</v>
      </c>
      <c r="CE11" s="16">
        <v>5474</v>
      </c>
      <c r="CF11" s="16">
        <v>4953</v>
      </c>
      <c r="CG11" s="16">
        <v>5330</v>
      </c>
      <c r="CH11" s="16">
        <v>4761</v>
      </c>
      <c r="CI11" s="16">
        <v>4174</v>
      </c>
      <c r="CJ11" s="16">
        <v>3368</v>
      </c>
      <c r="CK11" s="16">
        <v>3435</v>
      </c>
      <c r="CL11" s="16">
        <v>3493</v>
      </c>
      <c r="CM11" s="16">
        <v>3646</v>
      </c>
      <c r="CN11" s="16">
        <v>2836</v>
      </c>
      <c r="CO11" s="16">
        <v>2856</v>
      </c>
      <c r="CP11" s="16">
        <v>2761</v>
      </c>
      <c r="CQ11" s="16">
        <v>2350</v>
      </c>
      <c r="CR11" s="16">
        <v>2123</v>
      </c>
      <c r="CS11" s="16">
        <v>1743</v>
      </c>
      <c r="CT11" s="16">
        <v>1669</v>
      </c>
      <c r="CU11" s="16">
        <v>1326</v>
      </c>
      <c r="CV11" s="16">
        <v>1008</v>
      </c>
      <c r="CW11" s="16">
        <v>834</v>
      </c>
      <c r="CX11" s="16">
        <v>648</v>
      </c>
      <c r="CY11" s="16">
        <v>463</v>
      </c>
      <c r="CZ11" s="16">
        <v>328</v>
      </c>
      <c r="DA11" s="16">
        <v>278</v>
      </c>
      <c r="DB11" s="16">
        <v>171</v>
      </c>
      <c r="DC11" s="16">
        <v>292</v>
      </c>
      <c r="DD11" s="16">
        <v>48478</v>
      </c>
      <c r="DE11" s="16">
        <v>241448</v>
      </c>
      <c r="DF11" s="16">
        <v>124012</v>
      </c>
      <c r="DG11" s="16">
        <v>64597</v>
      </c>
      <c r="DH11" s="16">
        <v>21686</v>
      </c>
      <c r="DI11" s="16">
        <v>248887</v>
      </c>
      <c r="DJ11" s="17">
        <v>48.209479999999999</v>
      </c>
      <c r="DK11" s="17">
        <v>49.030900000000003</v>
      </c>
    </row>
    <row r="12" spans="1:115" x14ac:dyDescent="0.15">
      <c r="A12" s="18" t="s">
        <v>9</v>
      </c>
      <c r="B12" s="18" t="s">
        <v>5</v>
      </c>
      <c r="C12" s="18" t="s">
        <v>195</v>
      </c>
      <c r="D12" s="18" t="s">
        <v>194</v>
      </c>
      <c r="E12" s="18" t="s">
        <v>153</v>
      </c>
      <c r="F12" s="16">
        <v>202281</v>
      </c>
      <c r="G12" s="16">
        <v>1415</v>
      </c>
      <c r="H12" s="16">
        <v>1507</v>
      </c>
      <c r="I12" s="16">
        <v>1491</v>
      </c>
      <c r="J12" s="16">
        <v>1531</v>
      </c>
      <c r="K12" s="16">
        <v>1635</v>
      </c>
      <c r="L12" s="16">
        <v>1653</v>
      </c>
      <c r="M12" s="16">
        <v>1557</v>
      </c>
      <c r="N12" s="16">
        <v>1652</v>
      </c>
      <c r="O12" s="16">
        <v>1684</v>
      </c>
      <c r="P12" s="16">
        <v>1742</v>
      </c>
      <c r="Q12" s="16">
        <v>1753</v>
      </c>
      <c r="R12" s="16">
        <v>1758</v>
      </c>
      <c r="S12" s="16">
        <v>1833</v>
      </c>
      <c r="T12" s="16">
        <v>1774</v>
      </c>
      <c r="U12" s="16">
        <v>1851</v>
      </c>
      <c r="V12" s="16">
        <v>1935</v>
      </c>
      <c r="W12" s="16">
        <v>2026</v>
      </c>
      <c r="X12" s="16">
        <v>1939</v>
      </c>
      <c r="Y12" s="16">
        <v>2112</v>
      </c>
      <c r="Z12" s="16">
        <v>2211</v>
      </c>
      <c r="AA12" s="16">
        <v>2323</v>
      </c>
      <c r="AB12" s="16">
        <v>2239</v>
      </c>
      <c r="AC12" s="16">
        <v>2316</v>
      </c>
      <c r="AD12" s="16">
        <v>2149</v>
      </c>
      <c r="AE12" s="16">
        <v>2167</v>
      </c>
      <c r="AF12" s="16">
        <v>2234</v>
      </c>
      <c r="AG12" s="16">
        <v>2079</v>
      </c>
      <c r="AH12" s="16">
        <v>2010</v>
      </c>
      <c r="AI12" s="16">
        <v>2018</v>
      </c>
      <c r="AJ12" s="16">
        <v>2047</v>
      </c>
      <c r="AK12" s="16">
        <v>2159</v>
      </c>
      <c r="AL12" s="16">
        <v>2175</v>
      </c>
      <c r="AM12" s="16">
        <v>2166</v>
      </c>
      <c r="AN12" s="16">
        <v>2167</v>
      </c>
      <c r="AO12" s="16">
        <v>2252</v>
      </c>
      <c r="AP12" s="16">
        <v>2354</v>
      </c>
      <c r="AQ12" s="16">
        <v>2397</v>
      </c>
      <c r="AR12" s="16">
        <v>2413</v>
      </c>
      <c r="AS12" s="16">
        <v>2439</v>
      </c>
      <c r="AT12" s="16">
        <v>2388</v>
      </c>
      <c r="AU12" s="16">
        <v>2515</v>
      </c>
      <c r="AV12" s="16">
        <v>2671</v>
      </c>
      <c r="AW12" s="16">
        <v>2949</v>
      </c>
      <c r="AX12" s="16">
        <v>2943</v>
      </c>
      <c r="AY12" s="16">
        <v>3167</v>
      </c>
      <c r="AZ12" s="16">
        <v>3312</v>
      </c>
      <c r="BA12" s="16">
        <v>3505</v>
      </c>
      <c r="BB12" s="16">
        <v>3564</v>
      </c>
      <c r="BC12" s="16">
        <v>3519</v>
      </c>
      <c r="BD12" s="16">
        <v>3313</v>
      </c>
      <c r="BE12" s="16">
        <v>3205</v>
      </c>
      <c r="BF12" s="16">
        <v>3161</v>
      </c>
      <c r="BG12" s="16">
        <v>2899</v>
      </c>
      <c r="BH12" s="16">
        <v>2884</v>
      </c>
      <c r="BI12" s="16">
        <v>2168</v>
      </c>
      <c r="BJ12" s="16">
        <v>2639</v>
      </c>
      <c r="BK12" s="16">
        <v>2556</v>
      </c>
      <c r="BL12" s="16">
        <v>2575</v>
      </c>
      <c r="BM12" s="16">
        <v>2354</v>
      </c>
      <c r="BN12" s="16">
        <v>2304</v>
      </c>
      <c r="BO12" s="16">
        <v>2409</v>
      </c>
      <c r="BP12" s="16">
        <v>2370</v>
      </c>
      <c r="BQ12" s="16">
        <v>2266</v>
      </c>
      <c r="BR12" s="16">
        <v>2228</v>
      </c>
      <c r="BS12" s="16">
        <v>2305</v>
      </c>
      <c r="BT12" s="16">
        <v>2511</v>
      </c>
      <c r="BU12" s="16">
        <v>2451</v>
      </c>
      <c r="BV12" s="16">
        <v>2594</v>
      </c>
      <c r="BW12" s="16">
        <v>2631</v>
      </c>
      <c r="BX12" s="16">
        <v>2734</v>
      </c>
      <c r="BY12" s="16">
        <v>3066</v>
      </c>
      <c r="BZ12" s="16">
        <v>3420</v>
      </c>
      <c r="CA12" s="16">
        <v>3437</v>
      </c>
      <c r="CB12" s="16">
        <v>3544</v>
      </c>
      <c r="CC12" s="16">
        <v>1814</v>
      </c>
      <c r="CD12" s="16">
        <v>1922</v>
      </c>
      <c r="CE12" s="16">
        <v>2411</v>
      </c>
      <c r="CF12" s="16">
        <v>2178</v>
      </c>
      <c r="CG12" s="16">
        <v>2313</v>
      </c>
      <c r="CH12" s="16">
        <v>2085</v>
      </c>
      <c r="CI12" s="16">
        <v>1814</v>
      </c>
      <c r="CJ12" s="16">
        <v>1433</v>
      </c>
      <c r="CK12" s="16">
        <v>1405</v>
      </c>
      <c r="CL12" s="16">
        <v>1382</v>
      </c>
      <c r="CM12" s="16">
        <v>1371</v>
      </c>
      <c r="CN12" s="16">
        <v>1089</v>
      </c>
      <c r="CO12" s="16">
        <v>1017</v>
      </c>
      <c r="CP12" s="16">
        <v>890</v>
      </c>
      <c r="CQ12" s="16">
        <v>687</v>
      </c>
      <c r="CR12" s="16">
        <v>654</v>
      </c>
      <c r="CS12" s="16">
        <v>513</v>
      </c>
      <c r="CT12" s="16">
        <v>435</v>
      </c>
      <c r="CU12" s="16">
        <v>346</v>
      </c>
      <c r="CV12" s="16">
        <v>246</v>
      </c>
      <c r="CW12" s="16">
        <v>198</v>
      </c>
      <c r="CX12" s="16">
        <v>114</v>
      </c>
      <c r="CY12" s="16">
        <v>95</v>
      </c>
      <c r="CZ12" s="16">
        <v>50</v>
      </c>
      <c r="DA12" s="16">
        <v>38</v>
      </c>
      <c r="DB12" s="16">
        <v>19</v>
      </c>
      <c r="DC12" s="16">
        <v>42</v>
      </c>
      <c r="DD12" s="16">
        <v>24836</v>
      </c>
      <c r="DE12" s="16">
        <v>124496</v>
      </c>
      <c r="DF12" s="16">
        <v>52949</v>
      </c>
      <c r="DG12" s="16">
        <v>24747</v>
      </c>
      <c r="DH12" s="16">
        <v>6433</v>
      </c>
      <c r="DI12" s="16">
        <v>127194</v>
      </c>
      <c r="DJ12" s="17">
        <v>46.139789999999998</v>
      </c>
      <c r="DK12" s="17">
        <v>47.148009999999999</v>
      </c>
    </row>
    <row r="13" spans="1:115" x14ac:dyDescent="0.15">
      <c r="A13" s="18" t="s">
        <v>9</v>
      </c>
      <c r="B13" s="18" t="s">
        <v>4</v>
      </c>
      <c r="C13" s="18" t="s">
        <v>193</v>
      </c>
      <c r="D13" s="18" t="s">
        <v>192</v>
      </c>
      <c r="E13" s="18" t="s">
        <v>153</v>
      </c>
      <c r="F13" s="16">
        <v>211657</v>
      </c>
      <c r="G13" s="16">
        <v>1375</v>
      </c>
      <c r="H13" s="16">
        <v>1413</v>
      </c>
      <c r="I13" s="16">
        <v>1454</v>
      </c>
      <c r="J13" s="16">
        <v>1430</v>
      </c>
      <c r="K13" s="16">
        <v>1526</v>
      </c>
      <c r="L13" s="16">
        <v>1517</v>
      </c>
      <c r="M13" s="16">
        <v>1559</v>
      </c>
      <c r="N13" s="16">
        <v>1572</v>
      </c>
      <c r="O13" s="16">
        <v>1599</v>
      </c>
      <c r="P13" s="16">
        <v>1610</v>
      </c>
      <c r="Q13" s="16">
        <v>1673</v>
      </c>
      <c r="R13" s="16">
        <v>1654</v>
      </c>
      <c r="S13" s="16">
        <v>1766</v>
      </c>
      <c r="T13" s="16">
        <v>1728</v>
      </c>
      <c r="U13" s="16">
        <v>1766</v>
      </c>
      <c r="V13" s="16">
        <v>1690</v>
      </c>
      <c r="W13" s="16">
        <v>1914</v>
      </c>
      <c r="X13" s="16">
        <v>1851</v>
      </c>
      <c r="Y13" s="16">
        <v>1878</v>
      </c>
      <c r="Z13" s="16">
        <v>1838</v>
      </c>
      <c r="AA13" s="16">
        <v>1891</v>
      </c>
      <c r="AB13" s="16">
        <v>1981</v>
      </c>
      <c r="AC13" s="16">
        <v>1865</v>
      </c>
      <c r="AD13" s="16">
        <v>1775</v>
      </c>
      <c r="AE13" s="16">
        <v>1836</v>
      </c>
      <c r="AF13" s="16">
        <v>1934</v>
      </c>
      <c r="AG13" s="16">
        <v>1831</v>
      </c>
      <c r="AH13" s="16">
        <v>1837</v>
      </c>
      <c r="AI13" s="16">
        <v>1814</v>
      </c>
      <c r="AJ13" s="16">
        <v>1777</v>
      </c>
      <c r="AK13" s="16">
        <v>1878</v>
      </c>
      <c r="AL13" s="16">
        <v>1924</v>
      </c>
      <c r="AM13" s="16">
        <v>1892</v>
      </c>
      <c r="AN13" s="16">
        <v>2045</v>
      </c>
      <c r="AO13" s="16">
        <v>2116</v>
      </c>
      <c r="AP13" s="16">
        <v>2214</v>
      </c>
      <c r="AQ13" s="16">
        <v>2203</v>
      </c>
      <c r="AR13" s="16">
        <v>2165</v>
      </c>
      <c r="AS13" s="16">
        <v>2307</v>
      </c>
      <c r="AT13" s="16">
        <v>2299</v>
      </c>
      <c r="AU13" s="16">
        <v>2386</v>
      </c>
      <c r="AV13" s="16">
        <v>2548</v>
      </c>
      <c r="AW13" s="16">
        <v>2657</v>
      </c>
      <c r="AX13" s="16">
        <v>2791</v>
      </c>
      <c r="AY13" s="16">
        <v>2882</v>
      </c>
      <c r="AZ13" s="16">
        <v>3262</v>
      </c>
      <c r="BA13" s="16">
        <v>3370</v>
      </c>
      <c r="BB13" s="16">
        <v>3420</v>
      </c>
      <c r="BC13" s="16">
        <v>3359</v>
      </c>
      <c r="BD13" s="16">
        <v>3192</v>
      </c>
      <c r="BE13" s="16">
        <v>2937</v>
      </c>
      <c r="BF13" s="16">
        <v>2887</v>
      </c>
      <c r="BG13" s="16">
        <v>2881</v>
      </c>
      <c r="BH13" s="16">
        <v>2831</v>
      </c>
      <c r="BI13" s="16">
        <v>2199</v>
      </c>
      <c r="BJ13" s="16">
        <v>2748</v>
      </c>
      <c r="BK13" s="16">
        <v>2533</v>
      </c>
      <c r="BL13" s="16">
        <v>2546</v>
      </c>
      <c r="BM13" s="16">
        <v>2292</v>
      </c>
      <c r="BN13" s="16">
        <v>2488</v>
      </c>
      <c r="BO13" s="16">
        <v>2432</v>
      </c>
      <c r="BP13" s="16">
        <v>2462</v>
      </c>
      <c r="BQ13" s="16">
        <v>2391</v>
      </c>
      <c r="BR13" s="16">
        <v>2287</v>
      </c>
      <c r="BS13" s="16">
        <v>2416</v>
      </c>
      <c r="BT13" s="16">
        <v>2687</v>
      </c>
      <c r="BU13" s="16">
        <v>2549</v>
      </c>
      <c r="BV13" s="16">
        <v>2864</v>
      </c>
      <c r="BW13" s="16">
        <v>2822</v>
      </c>
      <c r="BX13" s="16">
        <v>2990</v>
      </c>
      <c r="BY13" s="16">
        <v>3461</v>
      </c>
      <c r="BZ13" s="16">
        <v>3719</v>
      </c>
      <c r="CA13" s="16">
        <v>3869</v>
      </c>
      <c r="CB13" s="16">
        <v>4134</v>
      </c>
      <c r="CC13" s="16">
        <v>2118</v>
      </c>
      <c r="CD13" s="16">
        <v>2355</v>
      </c>
      <c r="CE13" s="16">
        <v>3063</v>
      </c>
      <c r="CF13" s="16">
        <v>2775</v>
      </c>
      <c r="CG13" s="16">
        <v>3017</v>
      </c>
      <c r="CH13" s="16">
        <v>2676</v>
      </c>
      <c r="CI13" s="16">
        <v>2360</v>
      </c>
      <c r="CJ13" s="16">
        <v>1935</v>
      </c>
      <c r="CK13" s="16">
        <v>2030</v>
      </c>
      <c r="CL13" s="16">
        <v>2111</v>
      </c>
      <c r="CM13" s="16">
        <v>2275</v>
      </c>
      <c r="CN13" s="16">
        <v>1747</v>
      </c>
      <c r="CO13" s="16">
        <v>1839</v>
      </c>
      <c r="CP13" s="16">
        <v>1871</v>
      </c>
      <c r="CQ13" s="16">
        <v>1663</v>
      </c>
      <c r="CR13" s="16">
        <v>1469</v>
      </c>
      <c r="CS13" s="16">
        <v>1230</v>
      </c>
      <c r="CT13" s="16">
        <v>1234</v>
      </c>
      <c r="CU13" s="16">
        <v>980</v>
      </c>
      <c r="CV13" s="16">
        <v>762</v>
      </c>
      <c r="CW13" s="16">
        <v>636</v>
      </c>
      <c r="CX13" s="16">
        <v>534</v>
      </c>
      <c r="CY13" s="16">
        <v>368</v>
      </c>
      <c r="CZ13" s="16">
        <v>278</v>
      </c>
      <c r="DA13" s="16">
        <v>240</v>
      </c>
      <c r="DB13" s="16">
        <v>152</v>
      </c>
      <c r="DC13" s="16">
        <v>250</v>
      </c>
      <c r="DD13" s="16">
        <v>23642</v>
      </c>
      <c r="DE13" s="16">
        <v>116952</v>
      </c>
      <c r="DF13" s="16">
        <v>71063</v>
      </c>
      <c r="DG13" s="16">
        <v>39850</v>
      </c>
      <c r="DH13" s="16">
        <v>15253</v>
      </c>
      <c r="DI13" s="16">
        <v>121693</v>
      </c>
      <c r="DJ13" s="17">
        <v>50.187480000000001</v>
      </c>
      <c r="DK13" s="17">
        <v>51.217350000000003</v>
      </c>
    </row>
    <row r="14" spans="1:115" x14ac:dyDescent="0.15">
      <c r="A14" s="18" t="s">
        <v>8</v>
      </c>
      <c r="B14" s="18" t="s">
        <v>3</v>
      </c>
      <c r="C14" s="18" t="s">
        <v>196</v>
      </c>
      <c r="D14" s="18" t="s">
        <v>192</v>
      </c>
      <c r="E14" s="18" t="s">
        <v>153</v>
      </c>
      <c r="F14" s="16">
        <v>406994</v>
      </c>
      <c r="G14" s="16">
        <v>2750</v>
      </c>
      <c r="H14" s="16">
        <v>2874</v>
      </c>
      <c r="I14" s="16">
        <v>2899</v>
      </c>
      <c r="J14" s="16">
        <v>2928</v>
      </c>
      <c r="K14" s="16">
        <v>3117</v>
      </c>
      <c r="L14" s="16">
        <v>3142</v>
      </c>
      <c r="M14" s="16">
        <v>3077</v>
      </c>
      <c r="N14" s="16">
        <v>3190</v>
      </c>
      <c r="O14" s="16">
        <v>3252</v>
      </c>
      <c r="P14" s="16">
        <v>3326</v>
      </c>
      <c r="Q14" s="16">
        <v>3394</v>
      </c>
      <c r="R14" s="16">
        <v>3387</v>
      </c>
      <c r="S14" s="16">
        <v>3570</v>
      </c>
      <c r="T14" s="16">
        <v>3480</v>
      </c>
      <c r="U14" s="16">
        <v>3600</v>
      </c>
      <c r="V14" s="16">
        <v>3599</v>
      </c>
      <c r="W14" s="16">
        <v>3917</v>
      </c>
      <c r="X14" s="16">
        <v>3766</v>
      </c>
      <c r="Y14" s="16">
        <v>3968</v>
      </c>
      <c r="Z14" s="16">
        <v>3965</v>
      </c>
      <c r="AA14" s="16">
        <v>4005</v>
      </c>
      <c r="AB14" s="16">
        <v>3986</v>
      </c>
      <c r="AC14" s="16">
        <v>3922</v>
      </c>
      <c r="AD14" s="16">
        <v>3652</v>
      </c>
      <c r="AE14" s="16">
        <v>3718</v>
      </c>
      <c r="AF14" s="16">
        <v>3876</v>
      </c>
      <c r="AG14" s="16">
        <v>3652</v>
      </c>
      <c r="AH14" s="16">
        <v>3596</v>
      </c>
      <c r="AI14" s="16">
        <v>3591</v>
      </c>
      <c r="AJ14" s="16">
        <v>3616</v>
      </c>
      <c r="AK14" s="16">
        <v>3793</v>
      </c>
      <c r="AL14" s="16">
        <v>3900</v>
      </c>
      <c r="AM14" s="16">
        <v>3887</v>
      </c>
      <c r="AN14" s="16">
        <v>4043</v>
      </c>
      <c r="AO14" s="16">
        <v>4202</v>
      </c>
      <c r="AP14" s="16">
        <v>4412</v>
      </c>
      <c r="AQ14" s="16">
        <v>4449</v>
      </c>
      <c r="AR14" s="16">
        <v>4438</v>
      </c>
      <c r="AS14" s="16">
        <v>4606</v>
      </c>
      <c r="AT14" s="16">
        <v>4559</v>
      </c>
      <c r="AU14" s="16">
        <v>4793</v>
      </c>
      <c r="AV14" s="16">
        <v>5103</v>
      </c>
      <c r="AW14" s="16">
        <v>5509</v>
      </c>
      <c r="AX14" s="16">
        <v>5639</v>
      </c>
      <c r="AY14" s="16">
        <v>5955</v>
      </c>
      <c r="AZ14" s="16">
        <v>6480</v>
      </c>
      <c r="BA14" s="16">
        <v>6784</v>
      </c>
      <c r="BB14" s="16">
        <v>6886</v>
      </c>
      <c r="BC14" s="16">
        <v>6788</v>
      </c>
      <c r="BD14" s="16">
        <v>6406</v>
      </c>
      <c r="BE14" s="16">
        <v>6060</v>
      </c>
      <c r="BF14" s="16">
        <v>5945</v>
      </c>
      <c r="BG14" s="16">
        <v>5693</v>
      </c>
      <c r="BH14" s="16">
        <v>5633</v>
      </c>
      <c r="BI14" s="16">
        <v>4307</v>
      </c>
      <c r="BJ14" s="16">
        <v>5337</v>
      </c>
      <c r="BK14" s="16">
        <v>5021</v>
      </c>
      <c r="BL14" s="16">
        <v>5065</v>
      </c>
      <c r="BM14" s="16">
        <v>4598</v>
      </c>
      <c r="BN14" s="16">
        <v>4751</v>
      </c>
      <c r="BO14" s="16">
        <v>4808</v>
      </c>
      <c r="BP14" s="16">
        <v>4801</v>
      </c>
      <c r="BQ14" s="16">
        <v>4625</v>
      </c>
      <c r="BR14" s="16">
        <v>4483</v>
      </c>
      <c r="BS14" s="16">
        <v>4698</v>
      </c>
      <c r="BT14" s="16">
        <v>5180</v>
      </c>
      <c r="BU14" s="16">
        <v>4977</v>
      </c>
      <c r="BV14" s="16">
        <v>5447</v>
      </c>
      <c r="BW14" s="16">
        <v>5426</v>
      </c>
      <c r="BX14" s="16">
        <v>5699</v>
      </c>
      <c r="BY14" s="16">
        <v>6509</v>
      </c>
      <c r="BZ14" s="16">
        <v>7118</v>
      </c>
      <c r="CA14" s="16">
        <v>7287</v>
      </c>
      <c r="CB14" s="16">
        <v>7662</v>
      </c>
      <c r="CC14" s="16">
        <v>3926</v>
      </c>
      <c r="CD14" s="16">
        <v>4267</v>
      </c>
      <c r="CE14" s="16">
        <v>5467</v>
      </c>
      <c r="CF14" s="16">
        <v>4945</v>
      </c>
      <c r="CG14" s="16">
        <v>5323</v>
      </c>
      <c r="CH14" s="16">
        <v>4754</v>
      </c>
      <c r="CI14" s="16">
        <v>4165</v>
      </c>
      <c r="CJ14" s="16">
        <v>3361</v>
      </c>
      <c r="CK14" s="16">
        <v>3431</v>
      </c>
      <c r="CL14" s="16">
        <v>3484</v>
      </c>
      <c r="CM14" s="16">
        <v>3641</v>
      </c>
      <c r="CN14" s="16">
        <v>2828</v>
      </c>
      <c r="CO14" s="16">
        <v>2847</v>
      </c>
      <c r="CP14" s="16">
        <v>2759</v>
      </c>
      <c r="CQ14" s="16">
        <v>2346</v>
      </c>
      <c r="CR14" s="16">
        <v>2121</v>
      </c>
      <c r="CS14" s="16">
        <v>1741</v>
      </c>
      <c r="CT14" s="16">
        <v>1667</v>
      </c>
      <c r="CU14" s="16">
        <v>1326</v>
      </c>
      <c r="CV14" s="16">
        <v>1006</v>
      </c>
      <c r="CW14" s="16">
        <v>833</v>
      </c>
      <c r="CX14" s="16">
        <v>648</v>
      </c>
      <c r="CY14" s="16">
        <v>462</v>
      </c>
      <c r="CZ14" s="16">
        <v>328</v>
      </c>
      <c r="DA14" s="16">
        <v>278</v>
      </c>
      <c r="DB14" s="16">
        <v>171</v>
      </c>
      <c r="DC14" s="16">
        <v>292</v>
      </c>
      <c r="DD14" s="16">
        <v>47986</v>
      </c>
      <c r="DE14" s="16">
        <v>235286</v>
      </c>
      <c r="DF14" s="16">
        <v>123722</v>
      </c>
      <c r="DG14" s="16">
        <v>64491</v>
      </c>
      <c r="DH14" s="16">
        <v>21653</v>
      </c>
      <c r="DI14" s="16">
        <v>242800</v>
      </c>
      <c r="DJ14" s="17">
        <v>48.446390000000001</v>
      </c>
      <c r="DK14" s="17">
        <v>49.383389999999999</v>
      </c>
    </row>
    <row r="15" spans="1:115" x14ac:dyDescent="0.15">
      <c r="A15" s="18" t="s">
        <v>8</v>
      </c>
      <c r="B15" s="18" t="s">
        <v>5</v>
      </c>
      <c r="C15" s="18" t="s">
        <v>195</v>
      </c>
      <c r="D15" s="18" t="s">
        <v>192</v>
      </c>
      <c r="E15" s="18" t="s">
        <v>153</v>
      </c>
      <c r="F15" s="16">
        <v>198891</v>
      </c>
      <c r="G15" s="16">
        <v>1389</v>
      </c>
      <c r="H15" s="16">
        <v>1483</v>
      </c>
      <c r="I15" s="16">
        <v>1470</v>
      </c>
      <c r="J15" s="16">
        <v>1521</v>
      </c>
      <c r="K15" s="16">
        <v>1612</v>
      </c>
      <c r="L15" s="16">
        <v>1639</v>
      </c>
      <c r="M15" s="16">
        <v>1531</v>
      </c>
      <c r="N15" s="16">
        <v>1637</v>
      </c>
      <c r="O15" s="16">
        <v>1667</v>
      </c>
      <c r="P15" s="16">
        <v>1728</v>
      </c>
      <c r="Q15" s="16">
        <v>1739</v>
      </c>
      <c r="R15" s="16">
        <v>1744</v>
      </c>
      <c r="S15" s="16">
        <v>1817</v>
      </c>
      <c r="T15" s="16">
        <v>1764</v>
      </c>
      <c r="U15" s="16">
        <v>1841</v>
      </c>
      <c r="V15" s="16">
        <v>1918</v>
      </c>
      <c r="W15" s="16">
        <v>2012</v>
      </c>
      <c r="X15" s="16">
        <v>1925</v>
      </c>
      <c r="Y15" s="16">
        <v>2102</v>
      </c>
      <c r="Z15" s="16">
        <v>2168</v>
      </c>
      <c r="AA15" s="16">
        <v>2227</v>
      </c>
      <c r="AB15" s="16">
        <v>2138</v>
      </c>
      <c r="AC15" s="16">
        <v>2169</v>
      </c>
      <c r="AD15" s="16">
        <v>1972</v>
      </c>
      <c r="AE15" s="16">
        <v>1996</v>
      </c>
      <c r="AF15" s="16">
        <v>2053</v>
      </c>
      <c r="AG15" s="16">
        <v>1926</v>
      </c>
      <c r="AH15" s="16">
        <v>1853</v>
      </c>
      <c r="AI15" s="16">
        <v>1878</v>
      </c>
      <c r="AJ15" s="16">
        <v>1917</v>
      </c>
      <c r="AK15" s="16">
        <v>2012</v>
      </c>
      <c r="AL15" s="16">
        <v>2053</v>
      </c>
      <c r="AM15" s="16">
        <v>2069</v>
      </c>
      <c r="AN15" s="16">
        <v>2083</v>
      </c>
      <c r="AO15" s="16">
        <v>2162</v>
      </c>
      <c r="AP15" s="16">
        <v>2274</v>
      </c>
      <c r="AQ15" s="16">
        <v>2326</v>
      </c>
      <c r="AR15" s="16">
        <v>2351</v>
      </c>
      <c r="AS15" s="16">
        <v>2385</v>
      </c>
      <c r="AT15" s="16">
        <v>2333</v>
      </c>
      <c r="AU15" s="16">
        <v>2472</v>
      </c>
      <c r="AV15" s="16">
        <v>2632</v>
      </c>
      <c r="AW15" s="16">
        <v>2918</v>
      </c>
      <c r="AX15" s="16">
        <v>2901</v>
      </c>
      <c r="AY15" s="16">
        <v>3142</v>
      </c>
      <c r="AZ15" s="16">
        <v>3286</v>
      </c>
      <c r="BA15" s="16">
        <v>3474</v>
      </c>
      <c r="BB15" s="16">
        <v>3533</v>
      </c>
      <c r="BC15" s="16">
        <v>3492</v>
      </c>
      <c r="BD15" s="16">
        <v>3282</v>
      </c>
      <c r="BE15" s="16">
        <v>3179</v>
      </c>
      <c r="BF15" s="16">
        <v>3142</v>
      </c>
      <c r="BG15" s="16">
        <v>2866</v>
      </c>
      <c r="BH15" s="16">
        <v>2864</v>
      </c>
      <c r="BI15" s="16">
        <v>2148</v>
      </c>
      <c r="BJ15" s="16">
        <v>2622</v>
      </c>
      <c r="BK15" s="16">
        <v>2531</v>
      </c>
      <c r="BL15" s="16">
        <v>2555</v>
      </c>
      <c r="BM15" s="16">
        <v>2329</v>
      </c>
      <c r="BN15" s="16">
        <v>2292</v>
      </c>
      <c r="BO15" s="16">
        <v>2399</v>
      </c>
      <c r="BP15" s="16">
        <v>2362</v>
      </c>
      <c r="BQ15" s="16">
        <v>2256</v>
      </c>
      <c r="BR15" s="16">
        <v>2212</v>
      </c>
      <c r="BS15" s="16">
        <v>2295</v>
      </c>
      <c r="BT15" s="16">
        <v>2505</v>
      </c>
      <c r="BU15" s="16">
        <v>2438</v>
      </c>
      <c r="BV15" s="16">
        <v>2586</v>
      </c>
      <c r="BW15" s="16">
        <v>2622</v>
      </c>
      <c r="BX15" s="16">
        <v>2718</v>
      </c>
      <c r="BY15" s="16">
        <v>3058</v>
      </c>
      <c r="BZ15" s="16">
        <v>3408</v>
      </c>
      <c r="CA15" s="16">
        <v>3427</v>
      </c>
      <c r="CB15" s="16">
        <v>3537</v>
      </c>
      <c r="CC15" s="16">
        <v>1811</v>
      </c>
      <c r="CD15" s="16">
        <v>1916</v>
      </c>
      <c r="CE15" s="16">
        <v>2410</v>
      </c>
      <c r="CF15" s="16">
        <v>2175</v>
      </c>
      <c r="CG15" s="16">
        <v>2312</v>
      </c>
      <c r="CH15" s="16">
        <v>2081</v>
      </c>
      <c r="CI15" s="16">
        <v>1812</v>
      </c>
      <c r="CJ15" s="16">
        <v>1430</v>
      </c>
      <c r="CK15" s="16">
        <v>1401</v>
      </c>
      <c r="CL15" s="16">
        <v>1379</v>
      </c>
      <c r="CM15" s="16">
        <v>1371</v>
      </c>
      <c r="CN15" s="16">
        <v>1089</v>
      </c>
      <c r="CO15" s="16">
        <v>1014</v>
      </c>
      <c r="CP15" s="16">
        <v>890</v>
      </c>
      <c r="CQ15" s="16">
        <v>686</v>
      </c>
      <c r="CR15" s="16">
        <v>654</v>
      </c>
      <c r="CS15" s="16">
        <v>512</v>
      </c>
      <c r="CT15" s="16">
        <v>435</v>
      </c>
      <c r="CU15" s="16">
        <v>346</v>
      </c>
      <c r="CV15" s="16">
        <v>245</v>
      </c>
      <c r="CW15" s="16">
        <v>197</v>
      </c>
      <c r="CX15" s="16">
        <v>114</v>
      </c>
      <c r="CY15" s="16">
        <v>95</v>
      </c>
      <c r="CZ15" s="16">
        <v>50</v>
      </c>
      <c r="DA15" s="16">
        <v>38</v>
      </c>
      <c r="DB15" s="16">
        <v>19</v>
      </c>
      <c r="DC15" s="16">
        <v>42</v>
      </c>
      <c r="DD15" s="16">
        <v>24582</v>
      </c>
      <c r="DE15" s="16">
        <v>121486</v>
      </c>
      <c r="DF15" s="16">
        <v>52823</v>
      </c>
      <c r="DG15" s="16">
        <v>24713</v>
      </c>
      <c r="DH15" s="16">
        <v>6426</v>
      </c>
      <c r="DI15" s="16">
        <v>124230</v>
      </c>
      <c r="DJ15" s="17">
        <v>46.381039999999999</v>
      </c>
      <c r="DK15" s="17">
        <v>47.491509999999998</v>
      </c>
    </row>
    <row r="16" spans="1:115" x14ac:dyDescent="0.15">
      <c r="A16" s="18" t="s">
        <v>8</v>
      </c>
      <c r="B16" s="18" t="s">
        <v>4</v>
      </c>
      <c r="C16" s="18" t="s">
        <v>193</v>
      </c>
      <c r="D16" s="18" t="s">
        <v>192</v>
      </c>
      <c r="E16" s="18" t="s">
        <v>153</v>
      </c>
      <c r="F16" s="16">
        <v>208103</v>
      </c>
      <c r="G16" s="16">
        <v>1361</v>
      </c>
      <c r="H16" s="16">
        <v>1391</v>
      </c>
      <c r="I16" s="16">
        <v>1429</v>
      </c>
      <c r="J16" s="16">
        <v>1407</v>
      </c>
      <c r="K16" s="16">
        <v>1505</v>
      </c>
      <c r="L16" s="16">
        <v>1503</v>
      </c>
      <c r="M16" s="16">
        <v>1546</v>
      </c>
      <c r="N16" s="16">
        <v>1553</v>
      </c>
      <c r="O16" s="16">
        <v>1585</v>
      </c>
      <c r="P16" s="16">
        <v>1598</v>
      </c>
      <c r="Q16" s="16">
        <v>1655</v>
      </c>
      <c r="R16" s="16">
        <v>1643</v>
      </c>
      <c r="S16" s="16">
        <v>1753</v>
      </c>
      <c r="T16" s="16">
        <v>1716</v>
      </c>
      <c r="U16" s="16">
        <v>1759</v>
      </c>
      <c r="V16" s="16">
        <v>1681</v>
      </c>
      <c r="W16" s="16">
        <v>1905</v>
      </c>
      <c r="X16" s="16">
        <v>1841</v>
      </c>
      <c r="Y16" s="16">
        <v>1866</v>
      </c>
      <c r="Z16" s="16">
        <v>1797</v>
      </c>
      <c r="AA16" s="16">
        <v>1778</v>
      </c>
      <c r="AB16" s="16">
        <v>1848</v>
      </c>
      <c r="AC16" s="16">
        <v>1753</v>
      </c>
      <c r="AD16" s="16">
        <v>1680</v>
      </c>
      <c r="AE16" s="16">
        <v>1722</v>
      </c>
      <c r="AF16" s="16">
        <v>1823</v>
      </c>
      <c r="AG16" s="16">
        <v>1726</v>
      </c>
      <c r="AH16" s="16">
        <v>1743</v>
      </c>
      <c r="AI16" s="16">
        <v>1713</v>
      </c>
      <c r="AJ16" s="16">
        <v>1699</v>
      </c>
      <c r="AK16" s="16">
        <v>1781</v>
      </c>
      <c r="AL16" s="16">
        <v>1847</v>
      </c>
      <c r="AM16" s="16">
        <v>1818</v>
      </c>
      <c r="AN16" s="16">
        <v>1960</v>
      </c>
      <c r="AO16" s="16">
        <v>2040</v>
      </c>
      <c r="AP16" s="16">
        <v>2138</v>
      </c>
      <c r="AQ16" s="16">
        <v>2123</v>
      </c>
      <c r="AR16" s="16">
        <v>2087</v>
      </c>
      <c r="AS16" s="16">
        <v>2221</v>
      </c>
      <c r="AT16" s="16">
        <v>2226</v>
      </c>
      <c r="AU16" s="16">
        <v>2321</v>
      </c>
      <c r="AV16" s="16">
        <v>2471</v>
      </c>
      <c r="AW16" s="16">
        <v>2591</v>
      </c>
      <c r="AX16" s="16">
        <v>2738</v>
      </c>
      <c r="AY16" s="16">
        <v>2813</v>
      </c>
      <c r="AZ16" s="16">
        <v>3194</v>
      </c>
      <c r="BA16" s="16">
        <v>3310</v>
      </c>
      <c r="BB16" s="16">
        <v>3353</v>
      </c>
      <c r="BC16" s="16">
        <v>3296</v>
      </c>
      <c r="BD16" s="16">
        <v>3124</v>
      </c>
      <c r="BE16" s="16">
        <v>2881</v>
      </c>
      <c r="BF16" s="16">
        <v>2803</v>
      </c>
      <c r="BG16" s="16">
        <v>2827</v>
      </c>
      <c r="BH16" s="16">
        <v>2769</v>
      </c>
      <c r="BI16" s="16">
        <v>2159</v>
      </c>
      <c r="BJ16" s="16">
        <v>2715</v>
      </c>
      <c r="BK16" s="16">
        <v>2490</v>
      </c>
      <c r="BL16" s="16">
        <v>2510</v>
      </c>
      <c r="BM16" s="16">
        <v>2269</v>
      </c>
      <c r="BN16" s="16">
        <v>2459</v>
      </c>
      <c r="BO16" s="16">
        <v>2409</v>
      </c>
      <c r="BP16" s="16">
        <v>2439</v>
      </c>
      <c r="BQ16" s="16">
        <v>2369</v>
      </c>
      <c r="BR16" s="16">
        <v>2271</v>
      </c>
      <c r="BS16" s="16">
        <v>2403</v>
      </c>
      <c r="BT16" s="16">
        <v>2675</v>
      </c>
      <c r="BU16" s="16">
        <v>2539</v>
      </c>
      <c r="BV16" s="16">
        <v>2861</v>
      </c>
      <c r="BW16" s="16">
        <v>2804</v>
      </c>
      <c r="BX16" s="16">
        <v>2981</v>
      </c>
      <c r="BY16" s="16">
        <v>3451</v>
      </c>
      <c r="BZ16" s="16">
        <v>3710</v>
      </c>
      <c r="CA16" s="16">
        <v>3860</v>
      </c>
      <c r="CB16" s="16">
        <v>4125</v>
      </c>
      <c r="CC16" s="16">
        <v>2115</v>
      </c>
      <c r="CD16" s="16">
        <v>2351</v>
      </c>
      <c r="CE16" s="16">
        <v>3057</v>
      </c>
      <c r="CF16" s="16">
        <v>2770</v>
      </c>
      <c r="CG16" s="16">
        <v>3011</v>
      </c>
      <c r="CH16" s="16">
        <v>2673</v>
      </c>
      <c r="CI16" s="16">
        <v>2353</v>
      </c>
      <c r="CJ16" s="16">
        <v>1931</v>
      </c>
      <c r="CK16" s="16">
        <v>2030</v>
      </c>
      <c r="CL16" s="16">
        <v>2105</v>
      </c>
      <c r="CM16" s="16">
        <v>2270</v>
      </c>
      <c r="CN16" s="16">
        <v>1739</v>
      </c>
      <c r="CO16" s="16">
        <v>1833</v>
      </c>
      <c r="CP16" s="16">
        <v>1869</v>
      </c>
      <c r="CQ16" s="16">
        <v>1660</v>
      </c>
      <c r="CR16" s="16">
        <v>1467</v>
      </c>
      <c r="CS16" s="16">
        <v>1229</v>
      </c>
      <c r="CT16" s="16">
        <v>1232</v>
      </c>
      <c r="CU16" s="16">
        <v>980</v>
      </c>
      <c r="CV16" s="16">
        <v>761</v>
      </c>
      <c r="CW16" s="16">
        <v>636</v>
      </c>
      <c r="CX16" s="16">
        <v>534</v>
      </c>
      <c r="CY16" s="16">
        <v>367</v>
      </c>
      <c r="CZ16" s="16">
        <v>278</v>
      </c>
      <c r="DA16" s="16">
        <v>240</v>
      </c>
      <c r="DB16" s="16">
        <v>152</v>
      </c>
      <c r="DC16" s="16">
        <v>250</v>
      </c>
      <c r="DD16" s="16">
        <v>23404</v>
      </c>
      <c r="DE16" s="16">
        <v>113800</v>
      </c>
      <c r="DF16" s="16">
        <v>70899</v>
      </c>
      <c r="DG16" s="16">
        <v>39778</v>
      </c>
      <c r="DH16" s="16">
        <v>15227</v>
      </c>
      <c r="DI16" s="16">
        <v>118570</v>
      </c>
      <c r="DJ16" s="17">
        <v>50.420319999999997</v>
      </c>
      <c r="DK16" s="17">
        <v>51.62059</v>
      </c>
    </row>
  </sheetData>
  <phoneticPr fontId="3"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Q16"/>
  <sheetViews>
    <sheetView zoomScaleNormal="100" workbookViewId="0">
      <pane xSplit="5" ySplit="10" topLeftCell="F11" activePane="bottomRight" state="frozen"/>
      <selection pane="topRight" activeCell="F1" sqref="F1"/>
      <selection pane="bottomLeft" activeCell="A11" sqref="A11"/>
      <selection pane="bottomRight" activeCell="AQ40" sqref="AQ40"/>
    </sheetView>
  </sheetViews>
  <sheetFormatPr defaultRowHeight="12" x14ac:dyDescent="0.15"/>
  <cols>
    <col min="1" max="2" width="12.625" style="11" customWidth="1"/>
    <col min="3" max="3" width="2.375" style="11" bestFit="1" customWidth="1"/>
    <col min="4" max="4" width="11.25" style="11" bestFit="1" customWidth="1"/>
    <col min="5" max="43" width="12.625" style="11" customWidth="1"/>
    <col min="44" max="16384" width="9" style="11"/>
  </cols>
  <sheetData>
    <row r="1" spans="1:43" ht="17.25" customHeight="1" x14ac:dyDescent="0.15">
      <c r="A1" s="11" t="s">
        <v>186</v>
      </c>
    </row>
    <row r="2" spans="1:43" ht="18.75" customHeight="1" x14ac:dyDescent="0.15">
      <c r="A2" s="11" t="s">
        <v>323</v>
      </c>
    </row>
    <row r="4" spans="1:43" hidden="1" x14ac:dyDescent="0.15"/>
    <row r="5" spans="1:43" ht="24" collapsed="1" x14ac:dyDescent="0.15">
      <c r="F5" s="12" t="s">
        <v>7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152</v>
      </c>
      <c r="AI5" s="12" t="s">
        <v>152</v>
      </c>
      <c r="AJ5" s="12" t="s">
        <v>152</v>
      </c>
      <c r="AK5" s="12" t="s">
        <v>152</v>
      </c>
      <c r="AL5" s="12" t="s">
        <v>152</v>
      </c>
      <c r="AM5" s="12" t="s">
        <v>152</v>
      </c>
      <c r="AN5" s="12" t="s">
        <v>152</v>
      </c>
      <c r="AO5" s="12" t="s">
        <v>152</v>
      </c>
      <c r="AP5" s="12" t="s">
        <v>121</v>
      </c>
      <c r="AQ5" s="12" t="s">
        <v>120</v>
      </c>
    </row>
    <row r="6" spans="1:43" x14ac:dyDescent="0.15">
      <c r="F6" s="12" t="s">
        <v>119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/>
      <c r="AQ6" s="12"/>
    </row>
    <row r="7" spans="1:43" x14ac:dyDescent="0.15">
      <c r="F7" s="12" t="s">
        <v>187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9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98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99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9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200</v>
      </c>
      <c r="AM7" s="12" t="s">
        <v>201</v>
      </c>
      <c r="AN7" s="12" t="s">
        <v>187</v>
      </c>
      <c r="AO7" s="12" t="s">
        <v>187</v>
      </c>
      <c r="AP7" s="12"/>
      <c r="AQ7" s="12"/>
    </row>
    <row r="8" spans="1:43" ht="24" x14ac:dyDescent="0.15">
      <c r="F8" s="12" t="s">
        <v>151</v>
      </c>
      <c r="G8" s="12" t="s">
        <v>150</v>
      </c>
      <c r="H8" s="12" t="s">
        <v>149</v>
      </c>
      <c r="I8" s="12" t="s">
        <v>148</v>
      </c>
      <c r="J8" s="12" t="s">
        <v>147</v>
      </c>
      <c r="K8" s="12" t="s">
        <v>146</v>
      </c>
      <c r="L8" s="12" t="s">
        <v>145</v>
      </c>
      <c r="M8" s="12" t="s">
        <v>144</v>
      </c>
      <c r="N8" s="12" t="s">
        <v>143</v>
      </c>
      <c r="O8" s="12" t="s">
        <v>142</v>
      </c>
      <c r="P8" s="12" t="s">
        <v>141</v>
      </c>
      <c r="Q8" s="12" t="s">
        <v>140</v>
      </c>
      <c r="R8" s="12" t="s">
        <v>139</v>
      </c>
      <c r="S8" s="12" t="s">
        <v>138</v>
      </c>
      <c r="T8" s="12" t="s">
        <v>137</v>
      </c>
      <c r="U8" s="12" t="s">
        <v>136</v>
      </c>
      <c r="V8" s="12" t="s">
        <v>135</v>
      </c>
      <c r="W8" s="12" t="s">
        <v>134</v>
      </c>
      <c r="X8" s="12" t="s">
        <v>133</v>
      </c>
      <c r="Y8" s="12" t="s">
        <v>132</v>
      </c>
      <c r="Z8" s="12" t="s">
        <v>131</v>
      </c>
      <c r="AA8" s="12" t="s">
        <v>130</v>
      </c>
      <c r="AB8" s="12" t="s">
        <v>16</v>
      </c>
      <c r="AC8" s="12" t="s">
        <v>15</v>
      </c>
      <c r="AD8" s="12" t="s">
        <v>14</v>
      </c>
      <c r="AE8" s="12" t="s">
        <v>13</v>
      </c>
      <c r="AF8" s="12" t="s">
        <v>12</v>
      </c>
      <c r="AG8" s="12" t="s">
        <v>11</v>
      </c>
      <c r="AH8" s="12" t="s">
        <v>129</v>
      </c>
      <c r="AI8" s="12" t="s">
        <v>128</v>
      </c>
      <c r="AJ8" s="12" t="s">
        <v>127</v>
      </c>
      <c r="AK8" s="12" t="s">
        <v>126</v>
      </c>
      <c r="AL8" s="12" t="s">
        <v>125</v>
      </c>
      <c r="AM8" s="12" t="s">
        <v>124</v>
      </c>
      <c r="AN8" s="12" t="s">
        <v>123</v>
      </c>
      <c r="AO8" s="12" t="s">
        <v>122</v>
      </c>
      <c r="AP8" s="12"/>
      <c r="AQ8" s="12"/>
    </row>
    <row r="9" spans="1:43" x14ac:dyDescent="0.15">
      <c r="F9" s="13" t="s">
        <v>188</v>
      </c>
      <c r="G9" s="13" t="s">
        <v>188</v>
      </c>
      <c r="H9" s="13" t="s">
        <v>188</v>
      </c>
      <c r="I9" s="13" t="s">
        <v>188</v>
      </c>
      <c r="J9" s="13" t="s">
        <v>188</v>
      </c>
      <c r="K9" s="13" t="s">
        <v>188</v>
      </c>
      <c r="L9" s="13" t="s">
        <v>202</v>
      </c>
      <c r="M9" s="13" t="s">
        <v>188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188</v>
      </c>
      <c r="T9" s="13" t="s">
        <v>203</v>
      </c>
      <c r="U9" s="13" t="s">
        <v>188</v>
      </c>
      <c r="V9" s="13" t="s">
        <v>188</v>
      </c>
      <c r="W9" s="13" t="s">
        <v>188</v>
      </c>
      <c r="X9" s="13" t="s">
        <v>188</v>
      </c>
      <c r="Y9" s="13" t="s">
        <v>188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188</v>
      </c>
      <c r="AF9" s="13" t="s">
        <v>188</v>
      </c>
      <c r="AG9" s="13" t="s">
        <v>204</v>
      </c>
      <c r="AH9" s="13" t="s">
        <v>205</v>
      </c>
      <c r="AI9" s="13" t="s">
        <v>205</v>
      </c>
      <c r="AJ9" s="13" t="s">
        <v>205</v>
      </c>
      <c r="AK9" s="13" t="s">
        <v>205</v>
      </c>
      <c r="AL9" s="13" t="s">
        <v>205</v>
      </c>
      <c r="AM9" s="13" t="s">
        <v>205</v>
      </c>
      <c r="AN9" s="13" t="s">
        <v>205</v>
      </c>
      <c r="AO9" s="13" t="s">
        <v>205</v>
      </c>
      <c r="AP9" s="13" t="s">
        <v>189</v>
      </c>
      <c r="AQ9" s="13" t="s">
        <v>189</v>
      </c>
    </row>
    <row r="10" spans="1:43" ht="13.5" x14ac:dyDescent="0.15">
      <c r="A10" s="14" t="s">
        <v>10</v>
      </c>
      <c r="B10" s="14" t="s">
        <v>6</v>
      </c>
      <c r="C10" s="14" t="s">
        <v>206</v>
      </c>
      <c r="D10" s="14" t="s">
        <v>207</v>
      </c>
      <c r="E10" s="14" t="s">
        <v>2</v>
      </c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</row>
    <row r="11" spans="1:43" x14ac:dyDescent="0.15">
      <c r="A11" s="18" t="s">
        <v>9</v>
      </c>
      <c r="B11" s="18" t="s">
        <v>3</v>
      </c>
      <c r="C11" s="18" t="s">
        <v>196</v>
      </c>
      <c r="D11" s="18" t="s">
        <v>208</v>
      </c>
      <c r="E11" s="18" t="s">
        <v>153</v>
      </c>
      <c r="F11" s="16">
        <v>413938</v>
      </c>
      <c r="G11" s="16">
        <v>14777</v>
      </c>
      <c r="H11" s="16">
        <v>16145</v>
      </c>
      <c r="I11" s="16">
        <v>17556</v>
      </c>
      <c r="J11" s="16">
        <v>19394</v>
      </c>
      <c r="K11" s="16">
        <v>20542</v>
      </c>
      <c r="L11" s="16">
        <v>19581</v>
      </c>
      <c r="M11" s="16">
        <v>20774</v>
      </c>
      <c r="N11" s="16">
        <v>23179</v>
      </c>
      <c r="O11" s="16">
        <v>27509</v>
      </c>
      <c r="P11" s="16">
        <v>33816</v>
      </c>
      <c r="Q11" s="16">
        <v>28052</v>
      </c>
      <c r="R11" s="16">
        <v>25035</v>
      </c>
      <c r="S11" s="16">
        <v>23566</v>
      </c>
      <c r="T11" s="16">
        <v>26833</v>
      </c>
      <c r="U11" s="16">
        <v>32582</v>
      </c>
      <c r="V11" s="16">
        <v>24795</v>
      </c>
      <c r="W11" s="16">
        <v>18116</v>
      </c>
      <c r="X11" s="16">
        <v>12926</v>
      </c>
      <c r="Y11" s="16">
        <v>6580</v>
      </c>
      <c r="Z11" s="16">
        <v>1888</v>
      </c>
      <c r="AA11" s="16">
        <v>292</v>
      </c>
      <c r="AB11" s="16">
        <v>48478</v>
      </c>
      <c r="AC11" s="16">
        <v>241448</v>
      </c>
      <c r="AD11" s="16">
        <v>124012</v>
      </c>
      <c r="AE11" s="16">
        <v>64597</v>
      </c>
      <c r="AF11" s="16">
        <v>21686</v>
      </c>
      <c r="AG11" s="16">
        <v>248887</v>
      </c>
      <c r="AH11" s="17">
        <v>11.71142</v>
      </c>
      <c r="AI11" s="17">
        <v>58.329509999999999</v>
      </c>
      <c r="AJ11" s="17">
        <v>29.95908</v>
      </c>
      <c r="AK11" s="17">
        <v>35.652200000000001</v>
      </c>
      <c r="AL11" s="17">
        <v>15.60548</v>
      </c>
      <c r="AM11" s="17">
        <v>5.23895</v>
      </c>
      <c r="AN11" s="17">
        <v>7.0540000000000005E-2</v>
      </c>
      <c r="AO11" s="17">
        <v>60.126640000000002</v>
      </c>
      <c r="AP11" s="17">
        <v>48.209479999999999</v>
      </c>
      <c r="AQ11" s="17">
        <v>49.030900000000003</v>
      </c>
    </row>
    <row r="12" spans="1:43" x14ac:dyDescent="0.15">
      <c r="A12" s="18" t="s">
        <v>9</v>
      </c>
      <c r="B12" s="18" t="s">
        <v>5</v>
      </c>
      <c r="C12" s="18" t="s">
        <v>196</v>
      </c>
      <c r="D12" s="18" t="s">
        <v>208</v>
      </c>
      <c r="E12" s="18" t="s">
        <v>153</v>
      </c>
      <c r="F12" s="16">
        <v>202281</v>
      </c>
      <c r="G12" s="16">
        <v>7579</v>
      </c>
      <c r="H12" s="16">
        <v>8288</v>
      </c>
      <c r="I12" s="16">
        <v>8969</v>
      </c>
      <c r="J12" s="16">
        <v>10223</v>
      </c>
      <c r="K12" s="16">
        <v>11194</v>
      </c>
      <c r="L12" s="16">
        <v>10388</v>
      </c>
      <c r="M12" s="16">
        <v>10919</v>
      </c>
      <c r="N12" s="16">
        <v>11991</v>
      </c>
      <c r="O12" s="16">
        <v>14245</v>
      </c>
      <c r="P12" s="16">
        <v>17213</v>
      </c>
      <c r="Q12" s="16">
        <v>14317</v>
      </c>
      <c r="R12" s="16">
        <v>12428</v>
      </c>
      <c r="S12" s="16">
        <v>11578</v>
      </c>
      <c r="T12" s="16">
        <v>12921</v>
      </c>
      <c r="U12" s="16">
        <v>15281</v>
      </c>
      <c r="V12" s="16">
        <v>10909</v>
      </c>
      <c r="W12" s="16">
        <v>7405</v>
      </c>
      <c r="X12" s="16">
        <v>4337</v>
      </c>
      <c r="Y12" s="16">
        <v>1738</v>
      </c>
      <c r="Z12" s="16">
        <v>316</v>
      </c>
      <c r="AA12" s="16">
        <v>42</v>
      </c>
      <c r="AB12" s="16">
        <v>24836</v>
      </c>
      <c r="AC12" s="16">
        <v>124496</v>
      </c>
      <c r="AD12" s="16">
        <v>52949</v>
      </c>
      <c r="AE12" s="16">
        <v>24747</v>
      </c>
      <c r="AF12" s="16">
        <v>6433</v>
      </c>
      <c r="AG12" s="16">
        <v>127194</v>
      </c>
      <c r="AH12" s="17">
        <v>12.27797</v>
      </c>
      <c r="AI12" s="17">
        <v>61.54607</v>
      </c>
      <c r="AJ12" s="17">
        <v>26.17596</v>
      </c>
      <c r="AK12" s="17">
        <v>31.89968</v>
      </c>
      <c r="AL12" s="17">
        <v>12.233969999999999</v>
      </c>
      <c r="AM12" s="17">
        <v>3.1802299999999999</v>
      </c>
      <c r="AN12" s="17">
        <v>2.0760000000000001E-2</v>
      </c>
      <c r="AO12" s="17">
        <v>62.879860000000001</v>
      </c>
      <c r="AP12" s="17">
        <v>46.139789999999998</v>
      </c>
      <c r="AQ12" s="17">
        <v>47.148009999999999</v>
      </c>
    </row>
    <row r="13" spans="1:43" x14ac:dyDescent="0.15">
      <c r="A13" s="18" t="s">
        <v>9</v>
      </c>
      <c r="B13" s="18" t="s">
        <v>4</v>
      </c>
      <c r="C13" s="18" t="s">
        <v>196</v>
      </c>
      <c r="D13" s="18" t="s">
        <v>208</v>
      </c>
      <c r="E13" s="18" t="s">
        <v>153</v>
      </c>
      <c r="F13" s="16">
        <v>211657</v>
      </c>
      <c r="G13" s="16">
        <v>7198</v>
      </c>
      <c r="H13" s="16">
        <v>7857</v>
      </c>
      <c r="I13" s="16">
        <v>8587</v>
      </c>
      <c r="J13" s="16">
        <v>9171</v>
      </c>
      <c r="K13" s="16">
        <v>9348</v>
      </c>
      <c r="L13" s="16">
        <v>9193</v>
      </c>
      <c r="M13" s="16">
        <v>9855</v>
      </c>
      <c r="N13" s="16">
        <v>11188</v>
      </c>
      <c r="O13" s="16">
        <v>13264</v>
      </c>
      <c r="P13" s="16">
        <v>16603</v>
      </c>
      <c r="Q13" s="16">
        <v>13735</v>
      </c>
      <c r="R13" s="16">
        <v>12607</v>
      </c>
      <c r="S13" s="16">
        <v>11988</v>
      </c>
      <c r="T13" s="16">
        <v>13912</v>
      </c>
      <c r="U13" s="16">
        <v>17301</v>
      </c>
      <c r="V13" s="16">
        <v>13886</v>
      </c>
      <c r="W13" s="16">
        <v>10711</v>
      </c>
      <c r="X13" s="16">
        <v>8589</v>
      </c>
      <c r="Y13" s="16">
        <v>4842</v>
      </c>
      <c r="Z13" s="16">
        <v>1572</v>
      </c>
      <c r="AA13" s="16">
        <v>250</v>
      </c>
      <c r="AB13" s="16">
        <v>23642</v>
      </c>
      <c r="AC13" s="16">
        <v>116952</v>
      </c>
      <c r="AD13" s="16">
        <v>71063</v>
      </c>
      <c r="AE13" s="16">
        <v>39850</v>
      </c>
      <c r="AF13" s="16">
        <v>15253</v>
      </c>
      <c r="AG13" s="16">
        <v>121693</v>
      </c>
      <c r="AH13" s="17">
        <v>11.16996</v>
      </c>
      <c r="AI13" s="17">
        <v>55.25544</v>
      </c>
      <c r="AJ13" s="17">
        <v>33.574599999999997</v>
      </c>
      <c r="AK13" s="17">
        <v>39.238480000000003</v>
      </c>
      <c r="AL13" s="17">
        <v>18.827629999999999</v>
      </c>
      <c r="AM13" s="17">
        <v>7.2064700000000004</v>
      </c>
      <c r="AN13" s="17">
        <v>0.11812</v>
      </c>
      <c r="AO13" s="17">
        <v>57.495379999999997</v>
      </c>
      <c r="AP13" s="17">
        <v>50.187480000000001</v>
      </c>
      <c r="AQ13" s="17">
        <v>51.217350000000003</v>
      </c>
    </row>
    <row r="14" spans="1:43" x14ac:dyDescent="0.15">
      <c r="A14" s="18" t="s">
        <v>8</v>
      </c>
      <c r="B14" s="18" t="s">
        <v>3</v>
      </c>
      <c r="C14" s="18" t="s">
        <v>196</v>
      </c>
      <c r="D14" s="18" t="s">
        <v>208</v>
      </c>
      <c r="E14" s="18" t="s">
        <v>153</v>
      </c>
      <c r="F14" s="16">
        <v>406994</v>
      </c>
      <c r="G14" s="16">
        <v>14568</v>
      </c>
      <c r="H14" s="16">
        <v>15987</v>
      </c>
      <c r="I14" s="16">
        <v>17431</v>
      </c>
      <c r="J14" s="16">
        <v>19215</v>
      </c>
      <c r="K14" s="16">
        <v>19283</v>
      </c>
      <c r="L14" s="16">
        <v>18331</v>
      </c>
      <c r="M14" s="16">
        <v>19825</v>
      </c>
      <c r="N14" s="16">
        <v>22464</v>
      </c>
      <c r="O14" s="16">
        <v>26999</v>
      </c>
      <c r="P14" s="16">
        <v>33344</v>
      </c>
      <c r="Q14" s="16">
        <v>27638</v>
      </c>
      <c r="R14" s="16">
        <v>24772</v>
      </c>
      <c r="S14" s="16">
        <v>23415</v>
      </c>
      <c r="T14" s="16">
        <v>26729</v>
      </c>
      <c r="U14" s="16">
        <v>32502</v>
      </c>
      <c r="V14" s="16">
        <v>24756</v>
      </c>
      <c r="W14" s="16">
        <v>18082</v>
      </c>
      <c r="X14" s="16">
        <v>12901</v>
      </c>
      <c r="Y14" s="16">
        <v>6573</v>
      </c>
      <c r="Z14" s="16">
        <v>1887</v>
      </c>
      <c r="AA14" s="16">
        <v>292</v>
      </c>
      <c r="AB14" s="16">
        <v>47986</v>
      </c>
      <c r="AC14" s="16">
        <v>235286</v>
      </c>
      <c r="AD14" s="16">
        <v>123722</v>
      </c>
      <c r="AE14" s="16">
        <v>64491</v>
      </c>
      <c r="AF14" s="16">
        <v>21653</v>
      </c>
      <c r="AG14" s="16">
        <v>242800</v>
      </c>
      <c r="AH14" s="17">
        <v>11.79035</v>
      </c>
      <c r="AI14" s="17">
        <v>57.810679999999998</v>
      </c>
      <c r="AJ14" s="17">
        <v>30.398969999999998</v>
      </c>
      <c r="AK14" s="17">
        <v>36.15213</v>
      </c>
      <c r="AL14" s="17">
        <v>15.845689999999999</v>
      </c>
      <c r="AM14" s="17">
        <v>5.3202299999999996</v>
      </c>
      <c r="AN14" s="17">
        <v>7.1749999999999994E-2</v>
      </c>
      <c r="AO14" s="17">
        <v>59.6569</v>
      </c>
      <c r="AP14" s="17">
        <v>48.446390000000001</v>
      </c>
      <c r="AQ14" s="17">
        <v>49.383389999999999</v>
      </c>
    </row>
    <row r="15" spans="1:43" x14ac:dyDescent="0.15">
      <c r="A15" s="18" t="s">
        <v>8</v>
      </c>
      <c r="B15" s="18" t="s">
        <v>5</v>
      </c>
      <c r="C15" s="18" t="s">
        <v>196</v>
      </c>
      <c r="D15" s="18" t="s">
        <v>208</v>
      </c>
      <c r="E15" s="18" t="s">
        <v>153</v>
      </c>
      <c r="F15" s="16">
        <v>198891</v>
      </c>
      <c r="G15" s="16">
        <v>7475</v>
      </c>
      <c r="H15" s="16">
        <v>8202</v>
      </c>
      <c r="I15" s="16">
        <v>8905</v>
      </c>
      <c r="J15" s="16">
        <v>10125</v>
      </c>
      <c r="K15" s="16">
        <v>10502</v>
      </c>
      <c r="L15" s="16">
        <v>9627</v>
      </c>
      <c r="M15" s="16">
        <v>10379</v>
      </c>
      <c r="N15" s="16">
        <v>11669</v>
      </c>
      <c r="O15" s="16">
        <v>14065</v>
      </c>
      <c r="P15" s="16">
        <v>17067</v>
      </c>
      <c r="Q15" s="16">
        <v>14199</v>
      </c>
      <c r="R15" s="16">
        <v>12329</v>
      </c>
      <c r="S15" s="16">
        <v>11524</v>
      </c>
      <c r="T15" s="16">
        <v>12869</v>
      </c>
      <c r="U15" s="16">
        <v>15241</v>
      </c>
      <c r="V15" s="16">
        <v>10894</v>
      </c>
      <c r="W15" s="16">
        <v>7393</v>
      </c>
      <c r="X15" s="16">
        <v>4333</v>
      </c>
      <c r="Y15" s="16">
        <v>1735</v>
      </c>
      <c r="Z15" s="16">
        <v>316</v>
      </c>
      <c r="AA15" s="16">
        <v>42</v>
      </c>
      <c r="AB15" s="16">
        <v>24582</v>
      </c>
      <c r="AC15" s="16">
        <v>121486</v>
      </c>
      <c r="AD15" s="16">
        <v>52823</v>
      </c>
      <c r="AE15" s="16">
        <v>24713</v>
      </c>
      <c r="AF15" s="16">
        <v>6426</v>
      </c>
      <c r="AG15" s="16">
        <v>124230</v>
      </c>
      <c r="AH15" s="17">
        <v>12.359529999999999</v>
      </c>
      <c r="AI15" s="17">
        <v>61.081699999999998</v>
      </c>
      <c r="AJ15" s="17">
        <v>26.558769999999999</v>
      </c>
      <c r="AK15" s="17">
        <v>32.352899999999998</v>
      </c>
      <c r="AL15" s="17">
        <v>12.4254</v>
      </c>
      <c r="AM15" s="17">
        <v>3.2309199999999998</v>
      </c>
      <c r="AN15" s="17">
        <v>2.112E-2</v>
      </c>
      <c r="AO15" s="17">
        <v>62.461350000000003</v>
      </c>
      <c r="AP15" s="17">
        <v>46.381039999999999</v>
      </c>
      <c r="AQ15" s="17">
        <v>47.491509999999998</v>
      </c>
    </row>
    <row r="16" spans="1:43" x14ac:dyDescent="0.15">
      <c r="A16" s="18" t="s">
        <v>8</v>
      </c>
      <c r="B16" s="18" t="s">
        <v>4</v>
      </c>
      <c r="C16" s="18" t="s">
        <v>209</v>
      </c>
      <c r="D16" s="18" t="s">
        <v>208</v>
      </c>
      <c r="E16" s="18" t="s">
        <v>153</v>
      </c>
      <c r="F16" s="16">
        <v>208103</v>
      </c>
      <c r="G16" s="16">
        <v>7093</v>
      </c>
      <c r="H16" s="16">
        <v>7785</v>
      </c>
      <c r="I16" s="16">
        <v>8526</v>
      </c>
      <c r="J16" s="16">
        <v>9090</v>
      </c>
      <c r="K16" s="16">
        <v>8781</v>
      </c>
      <c r="L16" s="16">
        <v>8704</v>
      </c>
      <c r="M16" s="16">
        <v>9446</v>
      </c>
      <c r="N16" s="16">
        <v>10795</v>
      </c>
      <c r="O16" s="16">
        <v>12934</v>
      </c>
      <c r="P16" s="16">
        <v>16277</v>
      </c>
      <c r="Q16" s="16">
        <v>13439</v>
      </c>
      <c r="R16" s="16">
        <v>12443</v>
      </c>
      <c r="S16" s="16">
        <v>11891</v>
      </c>
      <c r="T16" s="16">
        <v>13860</v>
      </c>
      <c r="U16" s="16">
        <v>17261</v>
      </c>
      <c r="V16" s="16">
        <v>13862</v>
      </c>
      <c r="W16" s="16">
        <v>10689</v>
      </c>
      <c r="X16" s="16">
        <v>8568</v>
      </c>
      <c r="Y16" s="16">
        <v>4838</v>
      </c>
      <c r="Z16" s="16">
        <v>1571</v>
      </c>
      <c r="AA16" s="16">
        <v>250</v>
      </c>
      <c r="AB16" s="16">
        <v>23404</v>
      </c>
      <c r="AC16" s="16">
        <v>113800</v>
      </c>
      <c r="AD16" s="16">
        <v>70899</v>
      </c>
      <c r="AE16" s="16">
        <v>39778</v>
      </c>
      <c r="AF16" s="16">
        <v>15227</v>
      </c>
      <c r="AG16" s="16">
        <v>118570</v>
      </c>
      <c r="AH16" s="17">
        <v>11.24635</v>
      </c>
      <c r="AI16" s="17">
        <v>54.684460000000001</v>
      </c>
      <c r="AJ16" s="17">
        <v>34.069189999999999</v>
      </c>
      <c r="AK16" s="17">
        <v>39.783180000000002</v>
      </c>
      <c r="AL16" s="17">
        <v>19.114570000000001</v>
      </c>
      <c r="AM16" s="17">
        <v>7.3170500000000001</v>
      </c>
      <c r="AN16" s="17">
        <v>0.12013</v>
      </c>
      <c r="AO16" s="17">
        <v>56.976590000000002</v>
      </c>
      <c r="AP16" s="17">
        <v>50.420319999999997</v>
      </c>
      <c r="AQ16" s="17">
        <v>51.62059</v>
      </c>
    </row>
  </sheetData>
  <phoneticPr fontId="3"/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U40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CV8" sqref="CV8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99" width="12.625" style="11" customWidth="1"/>
    <col min="100" max="16384" width="9" style="11"/>
  </cols>
  <sheetData>
    <row r="1" spans="1:99" x14ac:dyDescent="0.15">
      <c r="A1" s="11" t="s">
        <v>210</v>
      </c>
    </row>
    <row r="2" spans="1:99" x14ac:dyDescent="0.15">
      <c r="A2" s="11" t="s">
        <v>324</v>
      </c>
    </row>
    <row r="3" spans="1:99" x14ac:dyDescent="0.15">
      <c r="A3" s="11" t="s">
        <v>211</v>
      </c>
    </row>
    <row r="4" spans="1:99" hidden="1" x14ac:dyDescent="0.15">
      <c r="A4" s="11" t="s">
        <v>211</v>
      </c>
    </row>
    <row r="5" spans="1:99" collapsed="1" x14ac:dyDescent="0.15">
      <c r="A5" s="11" t="s">
        <v>211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7</v>
      </c>
      <c r="AI5" s="12" t="s">
        <v>7</v>
      </c>
      <c r="AJ5" s="12" t="s">
        <v>7</v>
      </c>
      <c r="AK5" s="12" t="s">
        <v>7</v>
      </c>
      <c r="AL5" s="12" t="s">
        <v>7</v>
      </c>
      <c r="AM5" s="12" t="s">
        <v>7</v>
      </c>
      <c r="AN5" s="12" t="s">
        <v>7</v>
      </c>
      <c r="AO5" s="12" t="s">
        <v>7</v>
      </c>
      <c r="AP5" s="12" t="s">
        <v>7</v>
      </c>
      <c r="AQ5" s="12" t="s">
        <v>7</v>
      </c>
      <c r="AR5" s="12" t="s">
        <v>7</v>
      </c>
      <c r="AS5" s="12" t="s">
        <v>7</v>
      </c>
      <c r="AT5" s="12" t="s">
        <v>7</v>
      </c>
      <c r="AU5" s="12" t="s">
        <v>7</v>
      </c>
      <c r="AV5" s="12" t="s">
        <v>7</v>
      </c>
      <c r="AW5" s="12" t="s">
        <v>7</v>
      </c>
      <c r="AX5" s="12" t="s">
        <v>7</v>
      </c>
      <c r="AY5" s="12" t="s">
        <v>7</v>
      </c>
      <c r="AZ5" s="12" t="s">
        <v>7</v>
      </c>
      <c r="BA5" s="12" t="s">
        <v>7</v>
      </c>
      <c r="BB5" s="12" t="s">
        <v>7</v>
      </c>
      <c r="BC5" s="12" t="s">
        <v>7</v>
      </c>
      <c r="BD5" s="12" t="s">
        <v>7</v>
      </c>
      <c r="BE5" s="12" t="s">
        <v>7</v>
      </c>
      <c r="BF5" s="12" t="s">
        <v>7</v>
      </c>
      <c r="BG5" s="12" t="s">
        <v>7</v>
      </c>
      <c r="BH5" s="12" t="s">
        <v>7</v>
      </c>
      <c r="BI5" s="12" t="s">
        <v>7</v>
      </c>
      <c r="BJ5" s="12" t="s">
        <v>7</v>
      </c>
      <c r="BK5" s="12" t="s">
        <v>7</v>
      </c>
      <c r="BL5" s="12" t="s">
        <v>7</v>
      </c>
      <c r="BM5" s="12" t="s">
        <v>7</v>
      </c>
      <c r="BN5" s="12" t="s">
        <v>7</v>
      </c>
      <c r="BO5" s="12" t="s">
        <v>7</v>
      </c>
      <c r="BP5" s="12" t="s">
        <v>7</v>
      </c>
      <c r="BQ5" s="12" t="s">
        <v>7</v>
      </c>
      <c r="BR5" s="12" t="s">
        <v>7</v>
      </c>
      <c r="BS5" s="12" t="s">
        <v>7</v>
      </c>
      <c r="BT5" s="12" t="s">
        <v>7</v>
      </c>
      <c r="BU5" s="12" t="s">
        <v>7</v>
      </c>
      <c r="BV5" s="12" t="s">
        <v>7</v>
      </c>
      <c r="BW5" s="12" t="s">
        <v>7</v>
      </c>
      <c r="BX5" s="12" t="s">
        <v>7</v>
      </c>
      <c r="BY5" s="12" t="s">
        <v>7</v>
      </c>
      <c r="BZ5" s="12" t="s">
        <v>7</v>
      </c>
      <c r="CA5" s="12" t="s">
        <v>7</v>
      </c>
      <c r="CB5" s="12" t="s">
        <v>7</v>
      </c>
      <c r="CC5" s="12" t="s">
        <v>7</v>
      </c>
      <c r="CD5" s="12" t="s">
        <v>7</v>
      </c>
      <c r="CE5" s="12" t="s">
        <v>7</v>
      </c>
      <c r="CF5" s="12" t="s">
        <v>7</v>
      </c>
      <c r="CG5" s="12" t="s">
        <v>7</v>
      </c>
      <c r="CH5" s="12" t="s">
        <v>7</v>
      </c>
      <c r="CI5" s="12" t="s">
        <v>7</v>
      </c>
      <c r="CJ5" s="12" t="s">
        <v>7</v>
      </c>
      <c r="CK5" s="12" t="s">
        <v>7</v>
      </c>
      <c r="CL5" s="12" t="s">
        <v>7</v>
      </c>
      <c r="CM5" s="12" t="s">
        <v>7</v>
      </c>
      <c r="CN5" s="12" t="s">
        <v>7</v>
      </c>
      <c r="CO5" s="12" t="s">
        <v>7</v>
      </c>
      <c r="CP5" s="12" t="s">
        <v>7</v>
      </c>
      <c r="CQ5" s="12" t="s">
        <v>7</v>
      </c>
      <c r="CR5" s="12" t="s">
        <v>7</v>
      </c>
      <c r="CS5" s="12" t="s">
        <v>7</v>
      </c>
      <c r="CT5" s="12" t="s">
        <v>7</v>
      </c>
      <c r="CU5" s="12" t="s">
        <v>121</v>
      </c>
    </row>
    <row r="6" spans="1:99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  <c r="CU6" s="12"/>
    </row>
    <row r="7" spans="1:99" x14ac:dyDescent="0.15">
      <c r="A7" s="11" t="s">
        <v>211</v>
      </c>
      <c r="G7" s="12" t="s">
        <v>212</v>
      </c>
      <c r="H7" s="12" t="s">
        <v>187</v>
      </c>
      <c r="I7" s="12" t="s">
        <v>212</v>
      </c>
      <c r="J7" s="12" t="s">
        <v>187</v>
      </c>
      <c r="K7" s="12" t="s">
        <v>212</v>
      </c>
      <c r="L7" s="12" t="s">
        <v>187</v>
      </c>
      <c r="M7" s="12" t="s">
        <v>212</v>
      </c>
      <c r="N7" s="12" t="s">
        <v>187</v>
      </c>
      <c r="O7" s="12" t="s">
        <v>213</v>
      </c>
      <c r="P7" s="12" t="s">
        <v>187</v>
      </c>
      <c r="Q7" s="12" t="s">
        <v>187</v>
      </c>
      <c r="R7" s="12" t="s">
        <v>214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212</v>
      </c>
      <c r="Z7" s="12" t="s">
        <v>187</v>
      </c>
      <c r="AA7" s="12" t="s">
        <v>187</v>
      </c>
      <c r="AB7" s="12" t="s">
        <v>212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 t="s">
        <v>187</v>
      </c>
      <c r="AQ7" s="12" t="s">
        <v>187</v>
      </c>
      <c r="AR7" s="12" t="s">
        <v>187</v>
      </c>
      <c r="AS7" s="12" t="s">
        <v>187</v>
      </c>
      <c r="AT7" s="12" t="s">
        <v>212</v>
      </c>
      <c r="AU7" s="12" t="s">
        <v>187</v>
      </c>
      <c r="AV7" s="12" t="s">
        <v>212</v>
      </c>
      <c r="AW7" s="12" t="s">
        <v>187</v>
      </c>
      <c r="AX7" s="12" t="s">
        <v>187</v>
      </c>
      <c r="AY7" s="12" t="s">
        <v>187</v>
      </c>
      <c r="AZ7" s="12" t="s">
        <v>187</v>
      </c>
      <c r="BA7" s="12" t="s">
        <v>187</v>
      </c>
      <c r="BB7" s="12" t="s">
        <v>187</v>
      </c>
      <c r="BC7" s="12" t="s">
        <v>187</v>
      </c>
      <c r="BD7" s="12" t="s">
        <v>187</v>
      </c>
      <c r="BE7" s="12" t="s">
        <v>187</v>
      </c>
      <c r="BF7" s="12" t="s">
        <v>187</v>
      </c>
      <c r="BG7" s="12" t="s">
        <v>187</v>
      </c>
      <c r="BH7" s="12" t="s">
        <v>213</v>
      </c>
      <c r="BI7" s="12" t="s">
        <v>187</v>
      </c>
      <c r="BJ7" s="12" t="s">
        <v>212</v>
      </c>
      <c r="BK7" s="12" t="s">
        <v>187</v>
      </c>
      <c r="BL7" s="12" t="s">
        <v>187</v>
      </c>
      <c r="BM7" s="12" t="s">
        <v>187</v>
      </c>
      <c r="BN7" s="12" t="s">
        <v>187</v>
      </c>
      <c r="BO7" s="12" t="s">
        <v>187</v>
      </c>
      <c r="BP7" s="12" t="s">
        <v>187</v>
      </c>
      <c r="BQ7" s="12" t="s">
        <v>212</v>
      </c>
      <c r="BR7" s="12" t="s">
        <v>187</v>
      </c>
      <c r="BS7" s="12" t="s">
        <v>187</v>
      </c>
      <c r="BT7" s="12" t="s">
        <v>212</v>
      </c>
      <c r="BU7" s="12" t="s">
        <v>187</v>
      </c>
      <c r="BV7" s="12" t="s">
        <v>187</v>
      </c>
      <c r="BW7" s="12" t="s">
        <v>187</v>
      </c>
      <c r="BX7" s="12" t="s">
        <v>187</v>
      </c>
      <c r="BY7" s="12" t="s">
        <v>187</v>
      </c>
      <c r="BZ7" s="12" t="s">
        <v>212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187</v>
      </c>
      <c r="CG7" s="12" t="s">
        <v>187</v>
      </c>
      <c r="CH7" s="12" t="s">
        <v>187</v>
      </c>
      <c r="CI7" s="12" t="s">
        <v>187</v>
      </c>
      <c r="CJ7" s="12" t="s">
        <v>187</v>
      </c>
      <c r="CK7" s="12" t="s">
        <v>212</v>
      </c>
      <c r="CL7" s="12" t="s">
        <v>187</v>
      </c>
      <c r="CM7" s="12" t="s">
        <v>212</v>
      </c>
      <c r="CN7" s="12" t="s">
        <v>187</v>
      </c>
      <c r="CO7" s="12" t="s">
        <v>212</v>
      </c>
      <c r="CP7" s="12" t="s">
        <v>187</v>
      </c>
      <c r="CQ7" s="12" t="s">
        <v>212</v>
      </c>
      <c r="CR7" s="12" t="s">
        <v>187</v>
      </c>
      <c r="CS7" s="12" t="s">
        <v>213</v>
      </c>
      <c r="CT7" s="12" t="s">
        <v>187</v>
      </c>
      <c r="CU7" s="12"/>
    </row>
    <row r="8" spans="1:99" ht="24" x14ac:dyDescent="0.15">
      <c r="A8" s="11" t="s">
        <v>211</v>
      </c>
      <c r="G8" s="12" t="s">
        <v>151</v>
      </c>
      <c r="H8" s="12" t="s">
        <v>215</v>
      </c>
      <c r="I8" s="12" t="s">
        <v>216</v>
      </c>
      <c r="J8" s="12" t="s">
        <v>217</v>
      </c>
      <c r="K8" s="12" t="s">
        <v>218</v>
      </c>
      <c r="L8" s="12" t="s">
        <v>219</v>
      </c>
      <c r="M8" s="12" t="s">
        <v>220</v>
      </c>
      <c r="N8" s="12" t="s">
        <v>221</v>
      </c>
      <c r="O8" s="12" t="s">
        <v>222</v>
      </c>
      <c r="P8" s="12" t="s">
        <v>223</v>
      </c>
      <c r="Q8" s="12" t="s">
        <v>224</v>
      </c>
      <c r="R8" s="12" t="s">
        <v>225</v>
      </c>
      <c r="S8" s="12" t="s">
        <v>226</v>
      </c>
      <c r="T8" s="12" t="s">
        <v>227</v>
      </c>
      <c r="U8" s="12" t="s">
        <v>228</v>
      </c>
      <c r="V8" s="12" t="s">
        <v>229</v>
      </c>
      <c r="W8" s="12" t="s">
        <v>230</v>
      </c>
      <c r="X8" s="12" t="s">
        <v>231</v>
      </c>
      <c r="Y8" s="12" t="s">
        <v>232</v>
      </c>
      <c r="Z8" s="12" t="s">
        <v>233</v>
      </c>
      <c r="AA8" s="12" t="s">
        <v>234</v>
      </c>
      <c r="AB8" s="12" t="s">
        <v>235</v>
      </c>
      <c r="AC8" s="12" t="s">
        <v>236</v>
      </c>
      <c r="AD8" s="12" t="s">
        <v>237</v>
      </c>
      <c r="AE8" s="12" t="s">
        <v>238</v>
      </c>
      <c r="AF8" s="12" t="s">
        <v>239</v>
      </c>
      <c r="AG8" s="12" t="s">
        <v>240</v>
      </c>
      <c r="AH8" s="12" t="s">
        <v>241</v>
      </c>
      <c r="AI8" s="12" t="s">
        <v>242</v>
      </c>
      <c r="AJ8" s="12" t="s">
        <v>243</v>
      </c>
      <c r="AK8" s="12" t="s">
        <v>244</v>
      </c>
      <c r="AL8" s="12" t="s">
        <v>245</v>
      </c>
      <c r="AM8" s="12" t="s">
        <v>246</v>
      </c>
      <c r="AN8" s="12" t="s">
        <v>247</v>
      </c>
      <c r="AO8" s="12" t="s">
        <v>248</v>
      </c>
      <c r="AP8" s="12" t="s">
        <v>249</v>
      </c>
      <c r="AQ8" s="12" t="s">
        <v>250</v>
      </c>
      <c r="AR8" s="12" t="s">
        <v>251</v>
      </c>
      <c r="AS8" s="12" t="s">
        <v>252</v>
      </c>
      <c r="AT8" s="12" t="s">
        <v>253</v>
      </c>
      <c r="AU8" s="12" t="s">
        <v>254</v>
      </c>
      <c r="AV8" s="12" t="s">
        <v>255</v>
      </c>
      <c r="AW8" s="12" t="s">
        <v>256</v>
      </c>
      <c r="AX8" s="12" t="s">
        <v>257</v>
      </c>
      <c r="AY8" s="12" t="s">
        <v>258</v>
      </c>
      <c r="AZ8" s="12" t="s">
        <v>259</v>
      </c>
      <c r="BA8" s="12" t="s">
        <v>260</v>
      </c>
      <c r="BB8" s="12" t="s">
        <v>261</v>
      </c>
      <c r="BC8" s="12" t="s">
        <v>262</v>
      </c>
      <c r="BD8" s="12" t="s">
        <v>263</v>
      </c>
      <c r="BE8" s="12" t="s">
        <v>264</v>
      </c>
      <c r="BF8" s="12" t="s">
        <v>265</v>
      </c>
      <c r="BG8" s="12" t="s">
        <v>266</v>
      </c>
      <c r="BH8" s="12" t="s">
        <v>267</v>
      </c>
      <c r="BI8" s="12" t="s">
        <v>268</v>
      </c>
      <c r="BJ8" s="12" t="s">
        <v>269</v>
      </c>
      <c r="BK8" s="12" t="s">
        <v>270</v>
      </c>
      <c r="BL8" s="12" t="s">
        <v>271</v>
      </c>
      <c r="BM8" s="12" t="s">
        <v>272</v>
      </c>
      <c r="BN8" s="12" t="s">
        <v>273</v>
      </c>
      <c r="BO8" s="12" t="s">
        <v>274</v>
      </c>
      <c r="BP8" s="12" t="s">
        <v>275</v>
      </c>
      <c r="BQ8" s="12" t="s">
        <v>276</v>
      </c>
      <c r="BR8" s="12" t="s">
        <v>277</v>
      </c>
      <c r="BS8" s="12" t="s">
        <v>278</v>
      </c>
      <c r="BT8" s="12" t="s">
        <v>279</v>
      </c>
      <c r="BU8" s="12" t="s">
        <v>280</v>
      </c>
      <c r="BV8" s="12" t="s">
        <v>281</v>
      </c>
      <c r="BW8" s="12" t="s">
        <v>282</v>
      </c>
      <c r="BX8" s="12" t="s">
        <v>283</v>
      </c>
      <c r="BY8" s="12" t="s">
        <v>284</v>
      </c>
      <c r="BZ8" s="12" t="s">
        <v>285</v>
      </c>
      <c r="CA8" s="12" t="s">
        <v>286</v>
      </c>
      <c r="CB8" s="12" t="s">
        <v>287</v>
      </c>
      <c r="CC8" s="12" t="s">
        <v>288</v>
      </c>
      <c r="CD8" s="12" t="s">
        <v>289</v>
      </c>
      <c r="CE8" s="12" t="s">
        <v>290</v>
      </c>
      <c r="CF8" s="12" t="s">
        <v>291</v>
      </c>
      <c r="CG8" s="12" t="s">
        <v>292</v>
      </c>
      <c r="CH8" s="12" t="s">
        <v>293</v>
      </c>
      <c r="CI8" s="12" t="s">
        <v>294</v>
      </c>
      <c r="CJ8" s="12" t="s">
        <v>295</v>
      </c>
      <c r="CK8" s="12" t="s">
        <v>296</v>
      </c>
      <c r="CL8" s="12" t="s">
        <v>297</v>
      </c>
      <c r="CM8" s="12" t="s">
        <v>298</v>
      </c>
      <c r="CN8" s="12" t="s">
        <v>299</v>
      </c>
      <c r="CO8" s="12" t="s">
        <v>300</v>
      </c>
      <c r="CP8" s="12" t="s">
        <v>162</v>
      </c>
      <c r="CQ8" s="12" t="s">
        <v>161</v>
      </c>
      <c r="CR8" s="12" t="s">
        <v>160</v>
      </c>
      <c r="CS8" s="12" t="s">
        <v>159</v>
      </c>
      <c r="CT8" s="12" t="s">
        <v>122</v>
      </c>
      <c r="CU8" s="12"/>
    </row>
    <row r="9" spans="1:99" x14ac:dyDescent="0.15">
      <c r="A9" s="11" t="s">
        <v>211</v>
      </c>
      <c r="G9" s="13" t="s">
        <v>301</v>
      </c>
      <c r="H9" s="13" t="s">
        <v>188</v>
      </c>
      <c r="I9" s="13" t="s">
        <v>188</v>
      </c>
      <c r="J9" s="13" t="s">
        <v>188</v>
      </c>
      <c r="K9" s="13" t="s">
        <v>301</v>
      </c>
      <c r="L9" s="13" t="s">
        <v>188</v>
      </c>
      <c r="M9" s="13" t="s">
        <v>301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302</v>
      </c>
      <c r="S9" s="13" t="s">
        <v>188</v>
      </c>
      <c r="T9" s="13" t="s">
        <v>188</v>
      </c>
      <c r="U9" s="13" t="s">
        <v>188</v>
      </c>
      <c r="V9" s="13" t="s">
        <v>188</v>
      </c>
      <c r="W9" s="13" t="s">
        <v>188</v>
      </c>
      <c r="X9" s="13" t="s">
        <v>302</v>
      </c>
      <c r="Y9" s="13" t="s">
        <v>188</v>
      </c>
      <c r="Z9" s="13" t="s">
        <v>188</v>
      </c>
      <c r="AA9" s="13" t="s">
        <v>188</v>
      </c>
      <c r="AB9" s="13" t="s">
        <v>188</v>
      </c>
      <c r="AC9" s="13" t="s">
        <v>188</v>
      </c>
      <c r="AD9" s="13" t="s">
        <v>188</v>
      </c>
      <c r="AE9" s="13" t="s">
        <v>303</v>
      </c>
      <c r="AF9" s="13" t="s">
        <v>188</v>
      </c>
      <c r="AG9" s="13" t="s">
        <v>188</v>
      </c>
      <c r="AH9" s="13" t="s">
        <v>188</v>
      </c>
      <c r="AI9" s="13" t="s">
        <v>188</v>
      </c>
      <c r="AJ9" s="13" t="s">
        <v>188</v>
      </c>
      <c r="AK9" s="13" t="s">
        <v>188</v>
      </c>
      <c r="AL9" s="13" t="s">
        <v>188</v>
      </c>
      <c r="AM9" s="13" t="s">
        <v>188</v>
      </c>
      <c r="AN9" s="13" t="s">
        <v>188</v>
      </c>
      <c r="AO9" s="13" t="s">
        <v>188</v>
      </c>
      <c r="AP9" s="13" t="s">
        <v>188</v>
      </c>
      <c r="AQ9" s="13" t="s">
        <v>188</v>
      </c>
      <c r="AR9" s="13" t="s">
        <v>188</v>
      </c>
      <c r="AS9" s="13" t="s">
        <v>188</v>
      </c>
      <c r="AT9" s="13" t="s">
        <v>188</v>
      </c>
      <c r="AU9" s="13" t="s">
        <v>188</v>
      </c>
      <c r="AV9" s="13" t="s">
        <v>188</v>
      </c>
      <c r="AW9" s="13" t="s">
        <v>188</v>
      </c>
      <c r="AX9" s="13" t="s">
        <v>302</v>
      </c>
      <c r="AY9" s="13" t="s">
        <v>188</v>
      </c>
      <c r="AZ9" s="13" t="s">
        <v>188</v>
      </c>
      <c r="BA9" s="13" t="s">
        <v>188</v>
      </c>
      <c r="BB9" s="13" t="s">
        <v>188</v>
      </c>
      <c r="BC9" s="13" t="s">
        <v>302</v>
      </c>
      <c r="BD9" s="13" t="s">
        <v>188</v>
      </c>
      <c r="BE9" s="13" t="s">
        <v>188</v>
      </c>
      <c r="BF9" s="13" t="s">
        <v>188</v>
      </c>
      <c r="BG9" s="13" t="s">
        <v>188</v>
      </c>
      <c r="BH9" s="13" t="s">
        <v>188</v>
      </c>
      <c r="BI9" s="13" t="s">
        <v>188</v>
      </c>
      <c r="BJ9" s="13" t="s">
        <v>188</v>
      </c>
      <c r="BK9" s="13" t="s">
        <v>188</v>
      </c>
      <c r="BL9" s="13" t="s">
        <v>188</v>
      </c>
      <c r="BM9" s="13" t="s">
        <v>188</v>
      </c>
      <c r="BN9" s="13" t="s">
        <v>302</v>
      </c>
      <c r="BO9" s="13" t="s">
        <v>302</v>
      </c>
      <c r="BP9" s="13" t="s">
        <v>188</v>
      </c>
      <c r="BQ9" s="13" t="s">
        <v>188</v>
      </c>
      <c r="BR9" s="13" t="s">
        <v>188</v>
      </c>
      <c r="BS9" s="13" t="s">
        <v>188</v>
      </c>
      <c r="BT9" s="13" t="s">
        <v>188</v>
      </c>
      <c r="BU9" s="13" t="s">
        <v>188</v>
      </c>
      <c r="BV9" s="13" t="s">
        <v>188</v>
      </c>
      <c r="BW9" s="13" t="s">
        <v>188</v>
      </c>
      <c r="BX9" s="13" t="s">
        <v>301</v>
      </c>
      <c r="BY9" s="13" t="s">
        <v>188</v>
      </c>
      <c r="BZ9" s="13" t="s">
        <v>188</v>
      </c>
      <c r="CA9" s="13" t="s">
        <v>188</v>
      </c>
      <c r="CB9" s="13" t="s">
        <v>188</v>
      </c>
      <c r="CC9" s="13" t="s">
        <v>302</v>
      </c>
      <c r="CD9" s="13" t="s">
        <v>302</v>
      </c>
      <c r="CE9" s="13" t="s">
        <v>188</v>
      </c>
      <c r="CF9" s="13" t="s">
        <v>188</v>
      </c>
      <c r="CG9" s="13" t="s">
        <v>188</v>
      </c>
      <c r="CH9" s="13" t="s">
        <v>302</v>
      </c>
      <c r="CI9" s="13" t="s">
        <v>188</v>
      </c>
      <c r="CJ9" s="13" t="s">
        <v>188</v>
      </c>
      <c r="CK9" s="13" t="s">
        <v>188</v>
      </c>
      <c r="CL9" s="13" t="s">
        <v>302</v>
      </c>
      <c r="CM9" s="13" t="s">
        <v>302</v>
      </c>
      <c r="CN9" s="13" t="s">
        <v>302</v>
      </c>
      <c r="CO9" s="13" t="s">
        <v>188</v>
      </c>
      <c r="CP9" s="13" t="s">
        <v>188</v>
      </c>
      <c r="CQ9" s="13" t="s">
        <v>188</v>
      </c>
      <c r="CR9" s="13" t="s">
        <v>302</v>
      </c>
      <c r="CS9" s="13" t="s">
        <v>188</v>
      </c>
      <c r="CT9" s="13" t="s">
        <v>302</v>
      </c>
      <c r="CU9" s="13" t="s">
        <v>189</v>
      </c>
    </row>
    <row r="10" spans="1:99" ht="13.5" x14ac:dyDescent="0.15">
      <c r="A10" s="14" t="s">
        <v>206</v>
      </c>
      <c r="B10" s="14" t="s">
        <v>207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  <c r="CU10" s="15"/>
    </row>
    <row r="11" spans="1:99" x14ac:dyDescent="0.15">
      <c r="A11" s="18" t="s">
        <v>196</v>
      </c>
      <c r="B11" s="18" t="s">
        <v>208</v>
      </c>
      <c r="C11" s="18" t="s">
        <v>153</v>
      </c>
      <c r="D11" s="18" t="s">
        <v>9</v>
      </c>
      <c r="E11" s="18" t="s">
        <v>3</v>
      </c>
      <c r="F11" s="18" t="s">
        <v>3</v>
      </c>
      <c r="G11" s="16">
        <v>365460</v>
      </c>
      <c r="H11" s="16">
        <v>3625</v>
      </c>
      <c r="I11" s="16">
        <v>3940</v>
      </c>
      <c r="J11" s="16">
        <v>3790</v>
      </c>
      <c r="K11" s="16">
        <v>3990</v>
      </c>
      <c r="L11" s="16">
        <v>4049</v>
      </c>
      <c r="M11" s="16">
        <v>4214</v>
      </c>
      <c r="N11" s="16">
        <v>4220</v>
      </c>
      <c r="O11" s="16">
        <v>4181</v>
      </c>
      <c r="P11" s="16">
        <v>3924</v>
      </c>
      <c r="Q11" s="16">
        <v>4003</v>
      </c>
      <c r="R11" s="16">
        <v>4168</v>
      </c>
      <c r="S11" s="16">
        <v>3910</v>
      </c>
      <c r="T11" s="16">
        <v>3847</v>
      </c>
      <c r="U11" s="16">
        <v>3832</v>
      </c>
      <c r="V11" s="16">
        <v>3824</v>
      </c>
      <c r="W11" s="16">
        <v>4037</v>
      </c>
      <c r="X11" s="16">
        <v>4099</v>
      </c>
      <c r="Y11" s="16">
        <v>4058</v>
      </c>
      <c r="Z11" s="16">
        <v>4212</v>
      </c>
      <c r="AA11" s="16">
        <v>4368</v>
      </c>
      <c r="AB11" s="16">
        <v>4568</v>
      </c>
      <c r="AC11" s="16">
        <v>4600</v>
      </c>
      <c r="AD11" s="16">
        <v>4578</v>
      </c>
      <c r="AE11" s="16">
        <v>4746</v>
      </c>
      <c r="AF11" s="16">
        <v>4687</v>
      </c>
      <c r="AG11" s="16">
        <v>4901</v>
      </c>
      <c r="AH11" s="16">
        <v>5219</v>
      </c>
      <c r="AI11" s="16">
        <v>5606</v>
      </c>
      <c r="AJ11" s="16">
        <v>5734</v>
      </c>
      <c r="AK11" s="16">
        <v>6049</v>
      </c>
      <c r="AL11" s="16">
        <v>6574</v>
      </c>
      <c r="AM11" s="16">
        <v>6875</v>
      </c>
      <c r="AN11" s="16">
        <v>6984</v>
      </c>
      <c r="AO11" s="16">
        <v>6878</v>
      </c>
      <c r="AP11" s="16">
        <v>6505</v>
      </c>
      <c r="AQ11" s="16">
        <v>6142</v>
      </c>
      <c r="AR11" s="16">
        <v>6048</v>
      </c>
      <c r="AS11" s="16">
        <v>5780</v>
      </c>
      <c r="AT11" s="16">
        <v>5715</v>
      </c>
      <c r="AU11" s="16">
        <v>4367</v>
      </c>
      <c r="AV11" s="16">
        <v>5387</v>
      </c>
      <c r="AW11" s="16">
        <v>5089</v>
      </c>
      <c r="AX11" s="16">
        <v>5121</v>
      </c>
      <c r="AY11" s="16">
        <v>4646</v>
      </c>
      <c r="AZ11" s="16">
        <v>4792</v>
      </c>
      <c r="BA11" s="16">
        <v>4841</v>
      </c>
      <c r="BB11" s="16">
        <v>4832</v>
      </c>
      <c r="BC11" s="16">
        <v>4657</v>
      </c>
      <c r="BD11" s="16">
        <v>4515</v>
      </c>
      <c r="BE11" s="16">
        <v>4721</v>
      </c>
      <c r="BF11" s="16">
        <v>5198</v>
      </c>
      <c r="BG11" s="16">
        <v>5000</v>
      </c>
      <c r="BH11" s="16">
        <v>5458</v>
      </c>
      <c r="BI11" s="16">
        <v>5453</v>
      </c>
      <c r="BJ11" s="16">
        <v>5724</v>
      </c>
      <c r="BK11" s="16">
        <v>6527</v>
      </c>
      <c r="BL11" s="16">
        <v>7139</v>
      </c>
      <c r="BM11" s="16">
        <v>7306</v>
      </c>
      <c r="BN11" s="16">
        <v>7678</v>
      </c>
      <c r="BO11" s="16">
        <v>3932</v>
      </c>
      <c r="BP11" s="16">
        <v>4277</v>
      </c>
      <c r="BQ11" s="16">
        <v>5474</v>
      </c>
      <c r="BR11" s="16">
        <v>4953</v>
      </c>
      <c r="BS11" s="16">
        <v>5330</v>
      </c>
      <c r="BT11" s="16">
        <v>4761</v>
      </c>
      <c r="BU11" s="16">
        <v>4174</v>
      </c>
      <c r="BV11" s="16">
        <v>3368</v>
      </c>
      <c r="BW11" s="16">
        <v>3435</v>
      </c>
      <c r="BX11" s="16">
        <v>3493</v>
      </c>
      <c r="BY11" s="16">
        <v>3646</v>
      </c>
      <c r="BZ11" s="16">
        <v>2836</v>
      </c>
      <c r="CA11" s="16">
        <v>2856</v>
      </c>
      <c r="CB11" s="16">
        <v>2761</v>
      </c>
      <c r="CC11" s="16">
        <v>2350</v>
      </c>
      <c r="CD11" s="16">
        <v>2123</v>
      </c>
      <c r="CE11" s="16">
        <v>1743</v>
      </c>
      <c r="CF11" s="16">
        <v>1669</v>
      </c>
      <c r="CG11" s="16">
        <v>1326</v>
      </c>
      <c r="CH11" s="16">
        <v>1008</v>
      </c>
      <c r="CI11" s="16">
        <v>834</v>
      </c>
      <c r="CJ11" s="16">
        <v>648</v>
      </c>
      <c r="CK11" s="16">
        <v>463</v>
      </c>
      <c r="CL11" s="16">
        <v>328</v>
      </c>
      <c r="CM11" s="16">
        <v>278</v>
      </c>
      <c r="CN11" s="16">
        <v>171</v>
      </c>
      <c r="CO11" s="16">
        <v>292</v>
      </c>
      <c r="CP11" s="16">
        <v>241448</v>
      </c>
      <c r="CQ11" s="16">
        <v>124012</v>
      </c>
      <c r="CR11" s="16">
        <v>64597</v>
      </c>
      <c r="CS11" s="16">
        <v>21686</v>
      </c>
      <c r="CT11" s="16">
        <v>248887</v>
      </c>
      <c r="CU11" s="17">
        <v>53.566650000000003</v>
      </c>
    </row>
    <row r="12" spans="1:99" x14ac:dyDescent="0.15">
      <c r="A12" s="18" t="s">
        <v>196</v>
      </c>
      <c r="B12" s="18" t="s">
        <v>208</v>
      </c>
      <c r="C12" s="18" t="s">
        <v>153</v>
      </c>
      <c r="D12" s="18" t="s">
        <v>9</v>
      </c>
      <c r="E12" s="18" t="s">
        <v>3</v>
      </c>
      <c r="F12" s="18" t="s">
        <v>157</v>
      </c>
      <c r="G12" s="16">
        <v>98440</v>
      </c>
      <c r="H12" s="16">
        <v>3624</v>
      </c>
      <c r="I12" s="16">
        <v>3940</v>
      </c>
      <c r="J12" s="16">
        <v>3786</v>
      </c>
      <c r="K12" s="16">
        <v>3981</v>
      </c>
      <c r="L12" s="16">
        <v>4017</v>
      </c>
      <c r="M12" s="16">
        <v>4157</v>
      </c>
      <c r="N12" s="16">
        <v>4119</v>
      </c>
      <c r="O12" s="16">
        <v>3991</v>
      </c>
      <c r="P12" s="16">
        <v>3646</v>
      </c>
      <c r="Q12" s="16">
        <v>3547</v>
      </c>
      <c r="R12" s="16">
        <v>3403</v>
      </c>
      <c r="S12" s="16">
        <v>2871</v>
      </c>
      <c r="T12" s="16">
        <v>2514</v>
      </c>
      <c r="U12" s="16">
        <v>2323</v>
      </c>
      <c r="V12" s="16">
        <v>2016</v>
      </c>
      <c r="W12" s="16">
        <v>1888</v>
      </c>
      <c r="X12" s="16">
        <v>1864</v>
      </c>
      <c r="Y12" s="16">
        <v>1661</v>
      </c>
      <c r="Z12" s="16">
        <v>1669</v>
      </c>
      <c r="AA12" s="16">
        <v>1533</v>
      </c>
      <c r="AB12" s="16">
        <v>1520</v>
      </c>
      <c r="AC12" s="16">
        <v>1414</v>
      </c>
      <c r="AD12" s="16">
        <v>1326</v>
      </c>
      <c r="AE12" s="16">
        <v>1303</v>
      </c>
      <c r="AF12" s="16">
        <v>1300</v>
      </c>
      <c r="AG12" s="16">
        <v>1282</v>
      </c>
      <c r="AH12" s="16">
        <v>1324</v>
      </c>
      <c r="AI12" s="16">
        <v>1409</v>
      </c>
      <c r="AJ12" s="16">
        <v>1369</v>
      </c>
      <c r="AK12" s="16">
        <v>1440</v>
      </c>
      <c r="AL12" s="16">
        <v>1540</v>
      </c>
      <c r="AM12" s="16">
        <v>1515</v>
      </c>
      <c r="AN12" s="16">
        <v>1476</v>
      </c>
      <c r="AO12" s="16">
        <v>1496</v>
      </c>
      <c r="AP12" s="16">
        <v>1374</v>
      </c>
      <c r="AQ12" s="16">
        <v>1293</v>
      </c>
      <c r="AR12" s="16">
        <v>1235</v>
      </c>
      <c r="AS12" s="16">
        <v>1083</v>
      </c>
      <c r="AT12" s="16">
        <v>1020</v>
      </c>
      <c r="AU12" s="16">
        <v>763</v>
      </c>
      <c r="AV12" s="16">
        <v>860</v>
      </c>
      <c r="AW12" s="16">
        <v>726</v>
      </c>
      <c r="AX12" s="16">
        <v>701</v>
      </c>
      <c r="AY12" s="16">
        <v>672</v>
      </c>
      <c r="AZ12" s="16">
        <v>587</v>
      </c>
      <c r="BA12" s="16">
        <v>568</v>
      </c>
      <c r="BB12" s="16">
        <v>527</v>
      </c>
      <c r="BC12" s="16">
        <v>489</v>
      </c>
      <c r="BD12" s="16">
        <v>440</v>
      </c>
      <c r="BE12" s="16">
        <v>423</v>
      </c>
      <c r="BF12" s="16">
        <v>410</v>
      </c>
      <c r="BG12" s="16">
        <v>397</v>
      </c>
      <c r="BH12" s="16">
        <v>467</v>
      </c>
      <c r="BI12" s="16">
        <v>403</v>
      </c>
      <c r="BJ12" s="16">
        <v>382</v>
      </c>
      <c r="BK12" s="16">
        <v>412</v>
      </c>
      <c r="BL12" s="16">
        <v>418</v>
      </c>
      <c r="BM12" s="16">
        <v>419</v>
      </c>
      <c r="BN12" s="16">
        <v>352</v>
      </c>
      <c r="BO12" s="16">
        <v>167</v>
      </c>
      <c r="BP12" s="16">
        <v>175</v>
      </c>
      <c r="BQ12" s="16">
        <v>188</v>
      </c>
      <c r="BR12" s="16">
        <v>125</v>
      </c>
      <c r="BS12" s="16">
        <v>164</v>
      </c>
      <c r="BT12" s="16">
        <v>135</v>
      </c>
      <c r="BU12" s="16">
        <v>95</v>
      </c>
      <c r="BV12" s="16">
        <v>71</v>
      </c>
      <c r="BW12" s="16">
        <v>76</v>
      </c>
      <c r="BX12" s="16">
        <v>77</v>
      </c>
      <c r="BY12" s="16">
        <v>72</v>
      </c>
      <c r="BZ12" s="16">
        <v>56</v>
      </c>
      <c r="CA12" s="16">
        <v>64</v>
      </c>
      <c r="CB12" s="16">
        <v>54</v>
      </c>
      <c r="CC12" s="16">
        <v>52</v>
      </c>
      <c r="CD12" s="16">
        <v>31</v>
      </c>
      <c r="CE12" s="16">
        <v>34</v>
      </c>
      <c r="CF12" s="16">
        <v>31</v>
      </c>
      <c r="CG12" s="16">
        <v>19</v>
      </c>
      <c r="CH12" s="16">
        <v>31</v>
      </c>
      <c r="CI12" s="16">
        <v>14</v>
      </c>
      <c r="CJ12" s="16">
        <v>8</v>
      </c>
      <c r="CK12" s="16">
        <v>5</v>
      </c>
      <c r="CL12" s="16">
        <v>3</v>
      </c>
      <c r="CM12" s="16">
        <v>4</v>
      </c>
      <c r="CN12" s="16">
        <v>4</v>
      </c>
      <c r="CO12" s="16" t="s">
        <v>304</v>
      </c>
      <c r="CP12" s="16">
        <v>93025</v>
      </c>
      <c r="CQ12" s="16">
        <v>5415</v>
      </c>
      <c r="CR12" s="16">
        <v>1588</v>
      </c>
      <c r="CS12" s="16">
        <v>410</v>
      </c>
      <c r="CT12" s="16">
        <v>75736</v>
      </c>
      <c r="CU12" s="17">
        <v>33.977989999999998</v>
      </c>
    </row>
    <row r="13" spans="1:99" x14ac:dyDescent="0.15">
      <c r="A13" s="18" t="s">
        <v>196</v>
      </c>
      <c r="B13" s="18" t="s">
        <v>208</v>
      </c>
      <c r="C13" s="18" t="s">
        <v>153</v>
      </c>
      <c r="D13" s="18" t="s">
        <v>9</v>
      </c>
      <c r="E13" s="18" t="s">
        <v>3</v>
      </c>
      <c r="F13" s="18" t="s">
        <v>156</v>
      </c>
      <c r="G13" s="16">
        <v>210732</v>
      </c>
      <c r="H13" s="16">
        <v>1</v>
      </c>
      <c r="I13" s="16" t="s">
        <v>304</v>
      </c>
      <c r="J13" s="16">
        <v>4</v>
      </c>
      <c r="K13" s="16">
        <v>8</v>
      </c>
      <c r="L13" s="16">
        <v>29</v>
      </c>
      <c r="M13" s="16">
        <v>50</v>
      </c>
      <c r="N13" s="16">
        <v>96</v>
      </c>
      <c r="O13" s="16">
        <v>179</v>
      </c>
      <c r="P13" s="16">
        <v>265</v>
      </c>
      <c r="Q13" s="16">
        <v>437</v>
      </c>
      <c r="R13" s="16">
        <v>733</v>
      </c>
      <c r="S13" s="16">
        <v>990</v>
      </c>
      <c r="T13" s="16">
        <v>1281</v>
      </c>
      <c r="U13" s="16">
        <v>1446</v>
      </c>
      <c r="V13" s="16">
        <v>1750</v>
      </c>
      <c r="W13" s="16">
        <v>2067</v>
      </c>
      <c r="X13" s="16">
        <v>2119</v>
      </c>
      <c r="Y13" s="16">
        <v>2288</v>
      </c>
      <c r="Z13" s="16">
        <v>2410</v>
      </c>
      <c r="AA13" s="16">
        <v>2677</v>
      </c>
      <c r="AB13" s="16">
        <v>2873</v>
      </c>
      <c r="AC13" s="16">
        <v>2991</v>
      </c>
      <c r="AD13" s="16">
        <v>3043</v>
      </c>
      <c r="AE13" s="16">
        <v>3205</v>
      </c>
      <c r="AF13" s="16">
        <v>3133</v>
      </c>
      <c r="AG13" s="16">
        <v>3355</v>
      </c>
      <c r="AH13" s="16">
        <v>3587</v>
      </c>
      <c r="AI13" s="16">
        <v>3827</v>
      </c>
      <c r="AJ13" s="16">
        <v>3996</v>
      </c>
      <c r="AK13" s="16">
        <v>4220</v>
      </c>
      <c r="AL13" s="16">
        <v>4554</v>
      </c>
      <c r="AM13" s="16">
        <v>4812</v>
      </c>
      <c r="AN13" s="16">
        <v>4939</v>
      </c>
      <c r="AO13" s="16">
        <v>4777</v>
      </c>
      <c r="AP13" s="16">
        <v>4524</v>
      </c>
      <c r="AQ13" s="16">
        <v>4244</v>
      </c>
      <c r="AR13" s="16">
        <v>4150</v>
      </c>
      <c r="AS13" s="16">
        <v>4065</v>
      </c>
      <c r="AT13" s="16">
        <v>4073</v>
      </c>
      <c r="AU13" s="16">
        <v>3106</v>
      </c>
      <c r="AV13" s="16">
        <v>3899</v>
      </c>
      <c r="AW13" s="16">
        <v>3745</v>
      </c>
      <c r="AX13" s="16">
        <v>3816</v>
      </c>
      <c r="AY13" s="16">
        <v>3439</v>
      </c>
      <c r="AZ13" s="16">
        <v>3568</v>
      </c>
      <c r="BA13" s="16">
        <v>3638</v>
      </c>
      <c r="BB13" s="16">
        <v>3666</v>
      </c>
      <c r="BC13" s="16">
        <v>3553</v>
      </c>
      <c r="BD13" s="16">
        <v>3481</v>
      </c>
      <c r="BE13" s="16">
        <v>3652</v>
      </c>
      <c r="BF13" s="16">
        <v>4033</v>
      </c>
      <c r="BG13" s="16">
        <v>3860</v>
      </c>
      <c r="BH13" s="16">
        <v>4151</v>
      </c>
      <c r="BI13" s="16">
        <v>4169</v>
      </c>
      <c r="BJ13" s="16">
        <v>4306</v>
      </c>
      <c r="BK13" s="16">
        <v>4897</v>
      </c>
      <c r="BL13" s="16">
        <v>5299</v>
      </c>
      <c r="BM13" s="16">
        <v>5314</v>
      </c>
      <c r="BN13" s="16">
        <v>5657</v>
      </c>
      <c r="BO13" s="16">
        <v>2829</v>
      </c>
      <c r="BP13" s="16">
        <v>3095</v>
      </c>
      <c r="BQ13" s="16">
        <v>3806</v>
      </c>
      <c r="BR13" s="16">
        <v>3448</v>
      </c>
      <c r="BS13" s="16">
        <v>3492</v>
      </c>
      <c r="BT13" s="16">
        <v>2981</v>
      </c>
      <c r="BU13" s="16">
        <v>2583</v>
      </c>
      <c r="BV13" s="16">
        <v>2010</v>
      </c>
      <c r="BW13" s="16">
        <v>1959</v>
      </c>
      <c r="BX13" s="16">
        <v>1857</v>
      </c>
      <c r="BY13" s="16">
        <v>1771</v>
      </c>
      <c r="BZ13" s="16">
        <v>1299</v>
      </c>
      <c r="CA13" s="16">
        <v>1157</v>
      </c>
      <c r="CB13" s="16">
        <v>1014</v>
      </c>
      <c r="CC13" s="16">
        <v>742</v>
      </c>
      <c r="CD13" s="16">
        <v>646</v>
      </c>
      <c r="CE13" s="16">
        <v>475</v>
      </c>
      <c r="CF13" s="16">
        <v>371</v>
      </c>
      <c r="CG13" s="16">
        <v>260</v>
      </c>
      <c r="CH13" s="16">
        <v>180</v>
      </c>
      <c r="CI13" s="16">
        <v>133</v>
      </c>
      <c r="CJ13" s="16">
        <v>77</v>
      </c>
      <c r="CK13" s="16">
        <v>41</v>
      </c>
      <c r="CL13" s="16">
        <v>24</v>
      </c>
      <c r="CM13" s="16">
        <v>19</v>
      </c>
      <c r="CN13" s="16">
        <v>7</v>
      </c>
      <c r="CO13" s="16">
        <v>9</v>
      </c>
      <c r="CP13" s="16">
        <v>132761</v>
      </c>
      <c r="CQ13" s="16">
        <v>77971</v>
      </c>
      <c r="CR13" s="16">
        <v>33456</v>
      </c>
      <c r="CS13" s="16">
        <v>6454</v>
      </c>
      <c r="CT13" s="16">
        <v>153238</v>
      </c>
      <c r="CU13" s="17">
        <v>57.539259999999999</v>
      </c>
    </row>
    <row r="14" spans="1:99" x14ac:dyDescent="0.15">
      <c r="A14" s="18" t="s">
        <v>196</v>
      </c>
      <c r="B14" s="18" t="s">
        <v>208</v>
      </c>
      <c r="C14" s="18" t="s">
        <v>153</v>
      </c>
      <c r="D14" s="18" t="s">
        <v>9</v>
      </c>
      <c r="E14" s="18" t="s">
        <v>3</v>
      </c>
      <c r="F14" s="18" t="s">
        <v>155</v>
      </c>
      <c r="G14" s="16">
        <v>36328</v>
      </c>
      <c r="H14" s="16" t="s">
        <v>304</v>
      </c>
      <c r="I14" s="16" t="s">
        <v>304</v>
      </c>
      <c r="J14" s="16" t="s">
        <v>304</v>
      </c>
      <c r="K14" s="16" t="s">
        <v>304</v>
      </c>
      <c r="L14" s="16" t="s">
        <v>304</v>
      </c>
      <c r="M14" s="16">
        <v>1</v>
      </c>
      <c r="N14" s="16">
        <v>2</v>
      </c>
      <c r="O14" s="16" t="s">
        <v>304</v>
      </c>
      <c r="P14" s="16">
        <v>1</v>
      </c>
      <c r="Q14" s="16" t="s">
        <v>304</v>
      </c>
      <c r="R14" s="16" t="s">
        <v>304</v>
      </c>
      <c r="S14" s="16">
        <v>2</v>
      </c>
      <c r="T14" s="16">
        <v>2</v>
      </c>
      <c r="U14" s="16" t="s">
        <v>304</v>
      </c>
      <c r="V14" s="16">
        <v>2</v>
      </c>
      <c r="W14" s="16">
        <v>1</v>
      </c>
      <c r="X14" s="16">
        <v>4</v>
      </c>
      <c r="Y14" s="16">
        <v>2</v>
      </c>
      <c r="Z14" s="16">
        <v>7</v>
      </c>
      <c r="AA14" s="16">
        <v>3</v>
      </c>
      <c r="AB14" s="16">
        <v>6</v>
      </c>
      <c r="AC14" s="16">
        <v>5</v>
      </c>
      <c r="AD14" s="16">
        <v>2</v>
      </c>
      <c r="AE14" s="16">
        <v>12</v>
      </c>
      <c r="AF14" s="16">
        <v>11</v>
      </c>
      <c r="AG14" s="16">
        <v>11</v>
      </c>
      <c r="AH14" s="16">
        <v>14</v>
      </c>
      <c r="AI14" s="16">
        <v>11</v>
      </c>
      <c r="AJ14" s="16">
        <v>15</v>
      </c>
      <c r="AK14" s="16">
        <v>24</v>
      </c>
      <c r="AL14" s="16">
        <v>39</v>
      </c>
      <c r="AM14" s="16">
        <v>36</v>
      </c>
      <c r="AN14" s="16">
        <v>40</v>
      </c>
      <c r="AO14" s="16">
        <v>48</v>
      </c>
      <c r="AP14" s="16">
        <v>57</v>
      </c>
      <c r="AQ14" s="16">
        <v>58</v>
      </c>
      <c r="AR14" s="16">
        <v>77</v>
      </c>
      <c r="AS14" s="16">
        <v>78</v>
      </c>
      <c r="AT14" s="16">
        <v>97</v>
      </c>
      <c r="AU14" s="16">
        <v>83</v>
      </c>
      <c r="AV14" s="16">
        <v>101</v>
      </c>
      <c r="AW14" s="16">
        <v>118</v>
      </c>
      <c r="AX14" s="16">
        <v>133</v>
      </c>
      <c r="AY14" s="16">
        <v>142</v>
      </c>
      <c r="AZ14" s="16">
        <v>173</v>
      </c>
      <c r="BA14" s="16">
        <v>179</v>
      </c>
      <c r="BB14" s="16">
        <v>197</v>
      </c>
      <c r="BC14" s="16">
        <v>235</v>
      </c>
      <c r="BD14" s="16">
        <v>223</v>
      </c>
      <c r="BE14" s="16">
        <v>270</v>
      </c>
      <c r="BF14" s="16">
        <v>340</v>
      </c>
      <c r="BG14" s="16">
        <v>357</v>
      </c>
      <c r="BH14" s="16">
        <v>430</v>
      </c>
      <c r="BI14" s="16">
        <v>489</v>
      </c>
      <c r="BJ14" s="16">
        <v>576</v>
      </c>
      <c r="BK14" s="16">
        <v>732</v>
      </c>
      <c r="BL14" s="16">
        <v>888</v>
      </c>
      <c r="BM14" s="16">
        <v>1039</v>
      </c>
      <c r="BN14" s="16">
        <v>1148</v>
      </c>
      <c r="BO14" s="16">
        <v>675</v>
      </c>
      <c r="BP14" s="16">
        <v>787</v>
      </c>
      <c r="BQ14" s="16">
        <v>1138</v>
      </c>
      <c r="BR14" s="16">
        <v>1156</v>
      </c>
      <c r="BS14" s="16">
        <v>1409</v>
      </c>
      <c r="BT14" s="16">
        <v>1410</v>
      </c>
      <c r="BU14" s="16">
        <v>1329</v>
      </c>
      <c r="BV14" s="16">
        <v>1134</v>
      </c>
      <c r="BW14" s="16">
        <v>1271</v>
      </c>
      <c r="BX14" s="16">
        <v>1451</v>
      </c>
      <c r="BY14" s="16">
        <v>1695</v>
      </c>
      <c r="BZ14" s="16">
        <v>1402</v>
      </c>
      <c r="CA14" s="16">
        <v>1551</v>
      </c>
      <c r="CB14" s="16">
        <v>1625</v>
      </c>
      <c r="CC14" s="16">
        <v>1508</v>
      </c>
      <c r="CD14" s="16">
        <v>1403</v>
      </c>
      <c r="CE14" s="16">
        <v>1206</v>
      </c>
      <c r="CF14" s="16">
        <v>1231</v>
      </c>
      <c r="CG14" s="16">
        <v>1019</v>
      </c>
      <c r="CH14" s="16">
        <v>786</v>
      </c>
      <c r="CI14" s="16">
        <v>672</v>
      </c>
      <c r="CJ14" s="16">
        <v>549</v>
      </c>
      <c r="CK14" s="16">
        <v>411</v>
      </c>
      <c r="CL14" s="16">
        <v>299</v>
      </c>
      <c r="CM14" s="16">
        <v>251</v>
      </c>
      <c r="CN14" s="16">
        <v>159</v>
      </c>
      <c r="CO14" s="16">
        <v>280</v>
      </c>
      <c r="CP14" s="16">
        <v>2522</v>
      </c>
      <c r="CQ14" s="16">
        <v>33806</v>
      </c>
      <c r="CR14" s="16">
        <v>27132</v>
      </c>
      <c r="CS14" s="16">
        <v>14352</v>
      </c>
      <c r="CT14" s="16">
        <v>4714</v>
      </c>
      <c r="CU14" s="17">
        <v>81.040329999999997</v>
      </c>
    </row>
    <row r="15" spans="1:99" x14ac:dyDescent="0.15">
      <c r="A15" s="18" t="s">
        <v>196</v>
      </c>
      <c r="B15" s="18" t="s">
        <v>208</v>
      </c>
      <c r="C15" s="18" t="s">
        <v>153</v>
      </c>
      <c r="D15" s="18" t="s">
        <v>9</v>
      </c>
      <c r="E15" s="18" t="s">
        <v>3</v>
      </c>
      <c r="F15" s="18" t="s">
        <v>154</v>
      </c>
      <c r="G15" s="16">
        <v>19960</v>
      </c>
      <c r="H15" s="16" t="s">
        <v>304</v>
      </c>
      <c r="I15" s="16" t="s">
        <v>304</v>
      </c>
      <c r="J15" s="16" t="s">
        <v>304</v>
      </c>
      <c r="K15" s="16">
        <v>1</v>
      </c>
      <c r="L15" s="16">
        <v>3</v>
      </c>
      <c r="M15" s="16">
        <v>6</v>
      </c>
      <c r="N15" s="16">
        <v>3</v>
      </c>
      <c r="O15" s="16">
        <v>11</v>
      </c>
      <c r="P15" s="16">
        <v>12</v>
      </c>
      <c r="Q15" s="16">
        <v>19</v>
      </c>
      <c r="R15" s="16">
        <v>32</v>
      </c>
      <c r="S15" s="16">
        <v>47</v>
      </c>
      <c r="T15" s="16">
        <v>50</v>
      </c>
      <c r="U15" s="16">
        <v>63</v>
      </c>
      <c r="V15" s="16">
        <v>56</v>
      </c>
      <c r="W15" s="16">
        <v>81</v>
      </c>
      <c r="X15" s="16">
        <v>112</v>
      </c>
      <c r="Y15" s="16">
        <v>107</v>
      </c>
      <c r="Z15" s="16">
        <v>126</v>
      </c>
      <c r="AA15" s="16">
        <v>155</v>
      </c>
      <c r="AB15" s="16">
        <v>169</v>
      </c>
      <c r="AC15" s="16">
        <v>190</v>
      </c>
      <c r="AD15" s="16">
        <v>207</v>
      </c>
      <c r="AE15" s="16">
        <v>226</v>
      </c>
      <c r="AF15" s="16">
        <v>243</v>
      </c>
      <c r="AG15" s="16">
        <v>253</v>
      </c>
      <c r="AH15" s="16">
        <v>294</v>
      </c>
      <c r="AI15" s="16">
        <v>359</v>
      </c>
      <c r="AJ15" s="16">
        <v>354</v>
      </c>
      <c r="AK15" s="16">
        <v>365</v>
      </c>
      <c r="AL15" s="16">
        <v>441</v>
      </c>
      <c r="AM15" s="16">
        <v>512</v>
      </c>
      <c r="AN15" s="16">
        <v>529</v>
      </c>
      <c r="AO15" s="16">
        <v>557</v>
      </c>
      <c r="AP15" s="16">
        <v>550</v>
      </c>
      <c r="AQ15" s="16">
        <v>547</v>
      </c>
      <c r="AR15" s="16">
        <v>586</v>
      </c>
      <c r="AS15" s="16">
        <v>554</v>
      </c>
      <c r="AT15" s="16">
        <v>525</v>
      </c>
      <c r="AU15" s="16">
        <v>415</v>
      </c>
      <c r="AV15" s="16">
        <v>527</v>
      </c>
      <c r="AW15" s="16">
        <v>500</v>
      </c>
      <c r="AX15" s="16">
        <v>471</v>
      </c>
      <c r="AY15" s="16">
        <v>393</v>
      </c>
      <c r="AZ15" s="16">
        <v>464</v>
      </c>
      <c r="BA15" s="16">
        <v>456</v>
      </c>
      <c r="BB15" s="16">
        <v>442</v>
      </c>
      <c r="BC15" s="16">
        <v>380</v>
      </c>
      <c r="BD15" s="16">
        <v>371</v>
      </c>
      <c r="BE15" s="16">
        <v>376</v>
      </c>
      <c r="BF15" s="16">
        <v>415</v>
      </c>
      <c r="BG15" s="16">
        <v>386</v>
      </c>
      <c r="BH15" s="16">
        <v>410</v>
      </c>
      <c r="BI15" s="16">
        <v>392</v>
      </c>
      <c r="BJ15" s="16">
        <v>460</v>
      </c>
      <c r="BK15" s="16">
        <v>486</v>
      </c>
      <c r="BL15" s="16">
        <v>534</v>
      </c>
      <c r="BM15" s="16">
        <v>534</v>
      </c>
      <c r="BN15" s="16">
        <v>521</v>
      </c>
      <c r="BO15" s="16">
        <v>261</v>
      </c>
      <c r="BP15" s="16">
        <v>220</v>
      </c>
      <c r="BQ15" s="16">
        <v>342</v>
      </c>
      <c r="BR15" s="16">
        <v>224</v>
      </c>
      <c r="BS15" s="16">
        <v>265</v>
      </c>
      <c r="BT15" s="16">
        <v>235</v>
      </c>
      <c r="BU15" s="16">
        <v>167</v>
      </c>
      <c r="BV15" s="16">
        <v>153</v>
      </c>
      <c r="BW15" s="16">
        <v>129</v>
      </c>
      <c r="BX15" s="16">
        <v>108</v>
      </c>
      <c r="BY15" s="16">
        <v>108</v>
      </c>
      <c r="BZ15" s="16">
        <v>79</v>
      </c>
      <c r="CA15" s="16">
        <v>84</v>
      </c>
      <c r="CB15" s="16">
        <v>68</v>
      </c>
      <c r="CC15" s="16">
        <v>48</v>
      </c>
      <c r="CD15" s="16">
        <v>43</v>
      </c>
      <c r="CE15" s="16">
        <v>28</v>
      </c>
      <c r="CF15" s="16">
        <v>36</v>
      </c>
      <c r="CG15" s="16">
        <v>28</v>
      </c>
      <c r="CH15" s="16">
        <v>11</v>
      </c>
      <c r="CI15" s="16">
        <v>15</v>
      </c>
      <c r="CJ15" s="16">
        <v>14</v>
      </c>
      <c r="CK15" s="16">
        <v>6</v>
      </c>
      <c r="CL15" s="16">
        <v>2</v>
      </c>
      <c r="CM15" s="16">
        <v>4</v>
      </c>
      <c r="CN15" s="16">
        <v>1</v>
      </c>
      <c r="CO15" s="16">
        <v>3</v>
      </c>
      <c r="CP15" s="16">
        <v>13140</v>
      </c>
      <c r="CQ15" s="16">
        <v>6820</v>
      </c>
      <c r="CR15" s="16">
        <v>2421</v>
      </c>
      <c r="CS15" s="16">
        <v>470</v>
      </c>
      <c r="CT15" s="16">
        <v>15199</v>
      </c>
      <c r="CU15" s="17">
        <v>58.230409999999999</v>
      </c>
    </row>
    <row r="16" spans="1:99" x14ac:dyDescent="0.15">
      <c r="A16" s="18" t="s">
        <v>307</v>
      </c>
      <c r="B16" s="18" t="s">
        <v>208</v>
      </c>
      <c r="C16" s="18" t="s">
        <v>153</v>
      </c>
      <c r="D16" s="18" t="s">
        <v>9</v>
      </c>
      <c r="E16" s="18" t="s">
        <v>5</v>
      </c>
      <c r="F16" s="18" t="s">
        <v>3</v>
      </c>
      <c r="G16" s="16">
        <v>177445</v>
      </c>
      <c r="H16" s="16">
        <v>1935</v>
      </c>
      <c r="I16" s="16">
        <v>2026</v>
      </c>
      <c r="J16" s="16">
        <v>1939</v>
      </c>
      <c r="K16" s="16">
        <v>2112</v>
      </c>
      <c r="L16" s="16">
        <v>2211</v>
      </c>
      <c r="M16" s="16">
        <v>2323</v>
      </c>
      <c r="N16" s="16">
        <v>2239</v>
      </c>
      <c r="O16" s="16">
        <v>2316</v>
      </c>
      <c r="P16" s="16">
        <v>2149</v>
      </c>
      <c r="Q16" s="16">
        <v>2167</v>
      </c>
      <c r="R16" s="16">
        <v>2234</v>
      </c>
      <c r="S16" s="16">
        <v>2079</v>
      </c>
      <c r="T16" s="16">
        <v>2010</v>
      </c>
      <c r="U16" s="16">
        <v>2018</v>
      </c>
      <c r="V16" s="16">
        <v>2047</v>
      </c>
      <c r="W16" s="16">
        <v>2159</v>
      </c>
      <c r="X16" s="16">
        <v>2175</v>
      </c>
      <c r="Y16" s="16">
        <v>2166</v>
      </c>
      <c r="Z16" s="16">
        <v>2167</v>
      </c>
      <c r="AA16" s="16">
        <v>2252</v>
      </c>
      <c r="AB16" s="16">
        <v>2354</v>
      </c>
      <c r="AC16" s="16">
        <v>2397</v>
      </c>
      <c r="AD16" s="16">
        <v>2413</v>
      </c>
      <c r="AE16" s="16">
        <v>2439</v>
      </c>
      <c r="AF16" s="16">
        <v>2388</v>
      </c>
      <c r="AG16" s="16">
        <v>2515</v>
      </c>
      <c r="AH16" s="16">
        <v>2671</v>
      </c>
      <c r="AI16" s="16">
        <v>2949</v>
      </c>
      <c r="AJ16" s="16">
        <v>2943</v>
      </c>
      <c r="AK16" s="16">
        <v>3167</v>
      </c>
      <c r="AL16" s="16">
        <v>3312</v>
      </c>
      <c r="AM16" s="16">
        <v>3505</v>
      </c>
      <c r="AN16" s="16">
        <v>3564</v>
      </c>
      <c r="AO16" s="16">
        <v>3519</v>
      </c>
      <c r="AP16" s="16">
        <v>3313</v>
      </c>
      <c r="AQ16" s="16">
        <v>3205</v>
      </c>
      <c r="AR16" s="16">
        <v>3161</v>
      </c>
      <c r="AS16" s="16">
        <v>2899</v>
      </c>
      <c r="AT16" s="16">
        <v>2884</v>
      </c>
      <c r="AU16" s="16">
        <v>2168</v>
      </c>
      <c r="AV16" s="16">
        <v>2639</v>
      </c>
      <c r="AW16" s="16">
        <v>2556</v>
      </c>
      <c r="AX16" s="16">
        <v>2575</v>
      </c>
      <c r="AY16" s="16">
        <v>2354</v>
      </c>
      <c r="AZ16" s="16">
        <v>2304</v>
      </c>
      <c r="BA16" s="16">
        <v>2409</v>
      </c>
      <c r="BB16" s="16">
        <v>2370</v>
      </c>
      <c r="BC16" s="16">
        <v>2266</v>
      </c>
      <c r="BD16" s="16">
        <v>2228</v>
      </c>
      <c r="BE16" s="16">
        <v>2305</v>
      </c>
      <c r="BF16" s="16">
        <v>2511</v>
      </c>
      <c r="BG16" s="16">
        <v>2451</v>
      </c>
      <c r="BH16" s="16">
        <v>2594</v>
      </c>
      <c r="BI16" s="16">
        <v>2631</v>
      </c>
      <c r="BJ16" s="16">
        <v>2734</v>
      </c>
      <c r="BK16" s="16">
        <v>3066</v>
      </c>
      <c r="BL16" s="16">
        <v>3420</v>
      </c>
      <c r="BM16" s="16">
        <v>3437</v>
      </c>
      <c r="BN16" s="16">
        <v>3544</v>
      </c>
      <c r="BO16" s="16">
        <v>1814</v>
      </c>
      <c r="BP16" s="16">
        <v>1922</v>
      </c>
      <c r="BQ16" s="16">
        <v>2411</v>
      </c>
      <c r="BR16" s="16">
        <v>2178</v>
      </c>
      <c r="BS16" s="16">
        <v>2313</v>
      </c>
      <c r="BT16" s="16">
        <v>2085</v>
      </c>
      <c r="BU16" s="16">
        <v>1814</v>
      </c>
      <c r="BV16" s="16">
        <v>1433</v>
      </c>
      <c r="BW16" s="16">
        <v>1405</v>
      </c>
      <c r="BX16" s="16">
        <v>1382</v>
      </c>
      <c r="BY16" s="16">
        <v>1371</v>
      </c>
      <c r="BZ16" s="16">
        <v>1089</v>
      </c>
      <c r="CA16" s="16">
        <v>1017</v>
      </c>
      <c r="CB16" s="16">
        <v>890</v>
      </c>
      <c r="CC16" s="16">
        <v>687</v>
      </c>
      <c r="CD16" s="16">
        <v>654</v>
      </c>
      <c r="CE16" s="16">
        <v>513</v>
      </c>
      <c r="CF16" s="16">
        <v>435</v>
      </c>
      <c r="CG16" s="16">
        <v>346</v>
      </c>
      <c r="CH16" s="16">
        <v>246</v>
      </c>
      <c r="CI16" s="16">
        <v>198</v>
      </c>
      <c r="CJ16" s="16">
        <v>114</v>
      </c>
      <c r="CK16" s="16">
        <v>95</v>
      </c>
      <c r="CL16" s="16">
        <v>50</v>
      </c>
      <c r="CM16" s="16">
        <v>38</v>
      </c>
      <c r="CN16" s="16">
        <v>19</v>
      </c>
      <c r="CO16" s="16">
        <v>42</v>
      </c>
      <c r="CP16" s="16">
        <v>124496</v>
      </c>
      <c r="CQ16" s="16">
        <v>52949</v>
      </c>
      <c r="CR16" s="16">
        <v>24747</v>
      </c>
      <c r="CS16" s="16">
        <v>6433</v>
      </c>
      <c r="CT16" s="16">
        <v>127194</v>
      </c>
      <c r="CU16" s="17">
        <v>51.50329</v>
      </c>
    </row>
    <row r="17" spans="1:99" x14ac:dyDescent="0.15">
      <c r="A17" s="18" t="s">
        <v>196</v>
      </c>
      <c r="B17" s="18" t="s">
        <v>208</v>
      </c>
      <c r="C17" s="18" t="s">
        <v>153</v>
      </c>
      <c r="D17" s="18" t="s">
        <v>9</v>
      </c>
      <c r="E17" s="18" t="s">
        <v>5</v>
      </c>
      <c r="F17" s="18" t="s">
        <v>157</v>
      </c>
      <c r="G17" s="16">
        <v>58292</v>
      </c>
      <c r="H17" s="16">
        <v>1934</v>
      </c>
      <c r="I17" s="16">
        <v>2026</v>
      </c>
      <c r="J17" s="16">
        <v>1938</v>
      </c>
      <c r="K17" s="16">
        <v>2107</v>
      </c>
      <c r="L17" s="16">
        <v>2195</v>
      </c>
      <c r="M17" s="16">
        <v>2299</v>
      </c>
      <c r="N17" s="16">
        <v>2196</v>
      </c>
      <c r="O17" s="16">
        <v>2239</v>
      </c>
      <c r="P17" s="16">
        <v>2051</v>
      </c>
      <c r="Q17" s="16">
        <v>1995</v>
      </c>
      <c r="R17" s="16">
        <v>1911</v>
      </c>
      <c r="S17" s="16">
        <v>1644</v>
      </c>
      <c r="T17" s="16">
        <v>1464</v>
      </c>
      <c r="U17" s="16">
        <v>1367</v>
      </c>
      <c r="V17" s="16">
        <v>1235</v>
      </c>
      <c r="W17" s="16">
        <v>1158</v>
      </c>
      <c r="X17" s="16">
        <v>1164</v>
      </c>
      <c r="Y17" s="16">
        <v>1058</v>
      </c>
      <c r="Z17" s="16">
        <v>1043</v>
      </c>
      <c r="AA17" s="16">
        <v>939</v>
      </c>
      <c r="AB17" s="16">
        <v>947</v>
      </c>
      <c r="AC17" s="16">
        <v>906</v>
      </c>
      <c r="AD17" s="16">
        <v>865</v>
      </c>
      <c r="AE17" s="16">
        <v>847</v>
      </c>
      <c r="AF17" s="16">
        <v>827</v>
      </c>
      <c r="AG17" s="16">
        <v>816</v>
      </c>
      <c r="AH17" s="16">
        <v>847</v>
      </c>
      <c r="AI17" s="16">
        <v>923</v>
      </c>
      <c r="AJ17" s="16">
        <v>866</v>
      </c>
      <c r="AK17" s="16">
        <v>953</v>
      </c>
      <c r="AL17" s="16">
        <v>969</v>
      </c>
      <c r="AM17" s="16">
        <v>967</v>
      </c>
      <c r="AN17" s="16">
        <v>929</v>
      </c>
      <c r="AO17" s="16">
        <v>980</v>
      </c>
      <c r="AP17" s="16">
        <v>891</v>
      </c>
      <c r="AQ17" s="16">
        <v>868</v>
      </c>
      <c r="AR17" s="16">
        <v>822</v>
      </c>
      <c r="AS17" s="16">
        <v>711</v>
      </c>
      <c r="AT17" s="16">
        <v>653</v>
      </c>
      <c r="AU17" s="16">
        <v>490</v>
      </c>
      <c r="AV17" s="16">
        <v>560</v>
      </c>
      <c r="AW17" s="16">
        <v>485</v>
      </c>
      <c r="AX17" s="16">
        <v>472</v>
      </c>
      <c r="AY17" s="16">
        <v>461</v>
      </c>
      <c r="AZ17" s="16">
        <v>387</v>
      </c>
      <c r="BA17" s="16">
        <v>390</v>
      </c>
      <c r="BB17" s="16">
        <v>365</v>
      </c>
      <c r="BC17" s="16">
        <v>345</v>
      </c>
      <c r="BD17" s="16">
        <v>310</v>
      </c>
      <c r="BE17" s="16">
        <v>290</v>
      </c>
      <c r="BF17" s="16">
        <v>290</v>
      </c>
      <c r="BG17" s="16">
        <v>289</v>
      </c>
      <c r="BH17" s="16">
        <v>344</v>
      </c>
      <c r="BI17" s="16">
        <v>303</v>
      </c>
      <c r="BJ17" s="16">
        <v>276</v>
      </c>
      <c r="BK17" s="16">
        <v>296</v>
      </c>
      <c r="BL17" s="16">
        <v>273</v>
      </c>
      <c r="BM17" s="16">
        <v>250</v>
      </c>
      <c r="BN17" s="16">
        <v>196</v>
      </c>
      <c r="BO17" s="16">
        <v>97</v>
      </c>
      <c r="BP17" s="16">
        <v>80</v>
      </c>
      <c r="BQ17" s="16">
        <v>98</v>
      </c>
      <c r="BR17" s="16">
        <v>63</v>
      </c>
      <c r="BS17" s="16">
        <v>80</v>
      </c>
      <c r="BT17" s="16">
        <v>56</v>
      </c>
      <c r="BU17" s="16">
        <v>38</v>
      </c>
      <c r="BV17" s="16">
        <v>17</v>
      </c>
      <c r="BW17" s="16">
        <v>21</v>
      </c>
      <c r="BX17" s="16">
        <v>19</v>
      </c>
      <c r="BY17" s="16">
        <v>21</v>
      </c>
      <c r="BZ17" s="16">
        <v>14</v>
      </c>
      <c r="CA17" s="16">
        <v>14</v>
      </c>
      <c r="CB17" s="16">
        <v>17</v>
      </c>
      <c r="CC17" s="16">
        <v>15</v>
      </c>
      <c r="CD17" s="16">
        <v>5</v>
      </c>
      <c r="CE17" s="16">
        <v>6</v>
      </c>
      <c r="CF17" s="16" t="s">
        <v>304</v>
      </c>
      <c r="CG17" s="16">
        <v>1</v>
      </c>
      <c r="CH17" s="16">
        <v>2</v>
      </c>
      <c r="CI17" s="16">
        <v>3</v>
      </c>
      <c r="CJ17" s="16">
        <v>1</v>
      </c>
      <c r="CK17" s="16">
        <v>2</v>
      </c>
      <c r="CL17" s="16" t="s">
        <v>304</v>
      </c>
      <c r="CM17" s="16" t="s">
        <v>304</v>
      </c>
      <c r="CN17" s="16" t="s">
        <v>304</v>
      </c>
      <c r="CO17" s="16" t="s">
        <v>304</v>
      </c>
      <c r="CP17" s="16">
        <v>55105</v>
      </c>
      <c r="CQ17" s="16">
        <v>3187</v>
      </c>
      <c r="CR17" s="16">
        <v>573</v>
      </c>
      <c r="CS17" s="16">
        <v>80</v>
      </c>
      <c r="CT17" s="16">
        <v>46407</v>
      </c>
      <c r="CU17" s="17">
        <v>34.881219999999999</v>
      </c>
    </row>
    <row r="18" spans="1:99" x14ac:dyDescent="0.15">
      <c r="A18" s="18" t="s">
        <v>196</v>
      </c>
      <c r="B18" s="18" t="s">
        <v>208</v>
      </c>
      <c r="C18" s="18" t="s">
        <v>153</v>
      </c>
      <c r="D18" s="18" t="s">
        <v>9</v>
      </c>
      <c r="E18" s="18" t="s">
        <v>5</v>
      </c>
      <c r="F18" s="18" t="s">
        <v>156</v>
      </c>
      <c r="G18" s="16">
        <v>105560</v>
      </c>
      <c r="H18" s="16">
        <v>1</v>
      </c>
      <c r="I18" s="16" t="s">
        <v>304</v>
      </c>
      <c r="J18" s="16">
        <v>1</v>
      </c>
      <c r="K18" s="16">
        <v>4</v>
      </c>
      <c r="L18" s="16">
        <v>15</v>
      </c>
      <c r="M18" s="16">
        <v>22</v>
      </c>
      <c r="N18" s="16">
        <v>40</v>
      </c>
      <c r="O18" s="16">
        <v>73</v>
      </c>
      <c r="P18" s="16">
        <v>97</v>
      </c>
      <c r="Q18" s="16">
        <v>166</v>
      </c>
      <c r="R18" s="16">
        <v>312</v>
      </c>
      <c r="S18" s="16">
        <v>422</v>
      </c>
      <c r="T18" s="16">
        <v>532</v>
      </c>
      <c r="U18" s="16">
        <v>626</v>
      </c>
      <c r="V18" s="16">
        <v>793</v>
      </c>
      <c r="W18" s="16">
        <v>978</v>
      </c>
      <c r="X18" s="16">
        <v>977</v>
      </c>
      <c r="Y18" s="16">
        <v>1066</v>
      </c>
      <c r="Z18" s="16">
        <v>1083</v>
      </c>
      <c r="AA18" s="16">
        <v>1251</v>
      </c>
      <c r="AB18" s="16">
        <v>1353</v>
      </c>
      <c r="AC18" s="16">
        <v>1431</v>
      </c>
      <c r="AD18" s="16">
        <v>1483</v>
      </c>
      <c r="AE18" s="16">
        <v>1496</v>
      </c>
      <c r="AF18" s="16">
        <v>1461</v>
      </c>
      <c r="AG18" s="16">
        <v>1597</v>
      </c>
      <c r="AH18" s="16">
        <v>1712</v>
      </c>
      <c r="AI18" s="16">
        <v>1873</v>
      </c>
      <c r="AJ18" s="16">
        <v>1944</v>
      </c>
      <c r="AK18" s="16">
        <v>2078</v>
      </c>
      <c r="AL18" s="16">
        <v>2164</v>
      </c>
      <c r="AM18" s="16">
        <v>2335</v>
      </c>
      <c r="AN18" s="16">
        <v>2448</v>
      </c>
      <c r="AO18" s="16">
        <v>2322</v>
      </c>
      <c r="AP18" s="16">
        <v>2192</v>
      </c>
      <c r="AQ18" s="16">
        <v>2107</v>
      </c>
      <c r="AR18" s="16">
        <v>2049</v>
      </c>
      <c r="AS18" s="16">
        <v>1950</v>
      </c>
      <c r="AT18" s="16">
        <v>1999</v>
      </c>
      <c r="AU18" s="16">
        <v>1481</v>
      </c>
      <c r="AV18" s="16">
        <v>1851</v>
      </c>
      <c r="AW18" s="16">
        <v>1837</v>
      </c>
      <c r="AX18" s="16">
        <v>1873</v>
      </c>
      <c r="AY18" s="16">
        <v>1703</v>
      </c>
      <c r="AZ18" s="16">
        <v>1703</v>
      </c>
      <c r="BA18" s="16">
        <v>1792</v>
      </c>
      <c r="BB18" s="16">
        <v>1757</v>
      </c>
      <c r="BC18" s="16">
        <v>1719</v>
      </c>
      <c r="BD18" s="16">
        <v>1686</v>
      </c>
      <c r="BE18" s="16">
        <v>1781</v>
      </c>
      <c r="BF18" s="16">
        <v>1979</v>
      </c>
      <c r="BG18" s="16">
        <v>1920</v>
      </c>
      <c r="BH18" s="16">
        <v>1963</v>
      </c>
      <c r="BI18" s="16">
        <v>2061</v>
      </c>
      <c r="BJ18" s="16">
        <v>2133</v>
      </c>
      <c r="BK18" s="16">
        <v>2426</v>
      </c>
      <c r="BL18" s="16">
        <v>2729</v>
      </c>
      <c r="BM18" s="16">
        <v>2742</v>
      </c>
      <c r="BN18" s="16">
        <v>2916</v>
      </c>
      <c r="BO18" s="16">
        <v>1479</v>
      </c>
      <c r="BP18" s="16">
        <v>1635</v>
      </c>
      <c r="BQ18" s="16">
        <v>2004</v>
      </c>
      <c r="BR18" s="16">
        <v>1846</v>
      </c>
      <c r="BS18" s="16">
        <v>1926</v>
      </c>
      <c r="BT18" s="16">
        <v>1710</v>
      </c>
      <c r="BU18" s="16">
        <v>1509</v>
      </c>
      <c r="BV18" s="16">
        <v>1207</v>
      </c>
      <c r="BW18" s="16">
        <v>1126</v>
      </c>
      <c r="BX18" s="16">
        <v>1112</v>
      </c>
      <c r="BY18" s="16">
        <v>1119</v>
      </c>
      <c r="BZ18" s="16">
        <v>829</v>
      </c>
      <c r="CA18" s="16">
        <v>772</v>
      </c>
      <c r="CB18" s="16">
        <v>656</v>
      </c>
      <c r="CC18" s="16">
        <v>478</v>
      </c>
      <c r="CD18" s="16">
        <v>455</v>
      </c>
      <c r="CE18" s="16">
        <v>343</v>
      </c>
      <c r="CF18" s="16">
        <v>265</v>
      </c>
      <c r="CG18" s="16">
        <v>200</v>
      </c>
      <c r="CH18" s="16">
        <v>138</v>
      </c>
      <c r="CI18" s="16">
        <v>110</v>
      </c>
      <c r="CJ18" s="16">
        <v>54</v>
      </c>
      <c r="CK18" s="16">
        <v>31</v>
      </c>
      <c r="CL18" s="16">
        <v>19</v>
      </c>
      <c r="CM18" s="16">
        <v>18</v>
      </c>
      <c r="CN18" s="16">
        <v>6</v>
      </c>
      <c r="CO18" s="16">
        <v>8</v>
      </c>
      <c r="CP18" s="16">
        <v>63636</v>
      </c>
      <c r="CQ18" s="16">
        <v>41924</v>
      </c>
      <c r="CR18" s="16">
        <v>19576</v>
      </c>
      <c r="CS18" s="16">
        <v>4382</v>
      </c>
      <c r="CT18" s="16">
        <v>73671</v>
      </c>
      <c r="CU18" s="17">
        <v>58.682259999999999</v>
      </c>
    </row>
    <row r="19" spans="1:99" x14ac:dyDescent="0.15">
      <c r="A19" s="18" t="s">
        <v>196</v>
      </c>
      <c r="B19" s="18" t="s">
        <v>208</v>
      </c>
      <c r="C19" s="18" t="s">
        <v>153</v>
      </c>
      <c r="D19" s="18" t="s">
        <v>9</v>
      </c>
      <c r="E19" s="18" t="s">
        <v>5</v>
      </c>
      <c r="F19" s="18" t="s">
        <v>155</v>
      </c>
      <c r="G19" s="16">
        <v>5707</v>
      </c>
      <c r="H19" s="16" t="s">
        <v>304</v>
      </c>
      <c r="I19" s="16" t="s">
        <v>305</v>
      </c>
      <c r="J19" s="16" t="s">
        <v>304</v>
      </c>
      <c r="K19" s="16" t="s">
        <v>304</v>
      </c>
      <c r="L19" s="16" t="s">
        <v>304</v>
      </c>
      <c r="M19" s="16" t="s">
        <v>304</v>
      </c>
      <c r="N19" s="16">
        <v>2</v>
      </c>
      <c r="O19" s="16" t="s">
        <v>304</v>
      </c>
      <c r="P19" s="16" t="s">
        <v>304</v>
      </c>
      <c r="Q19" s="16" t="s">
        <v>304</v>
      </c>
      <c r="R19" s="16" t="s">
        <v>304</v>
      </c>
      <c r="S19" s="16" t="s">
        <v>304</v>
      </c>
      <c r="T19" s="16" t="s">
        <v>304</v>
      </c>
      <c r="U19" s="16" t="s">
        <v>304</v>
      </c>
      <c r="V19" s="16" t="s">
        <v>304</v>
      </c>
      <c r="W19" s="16">
        <v>1</v>
      </c>
      <c r="X19" s="16">
        <v>1</v>
      </c>
      <c r="Y19" s="16" t="s">
        <v>304</v>
      </c>
      <c r="Z19" s="16">
        <v>1</v>
      </c>
      <c r="AA19" s="16">
        <v>1</v>
      </c>
      <c r="AB19" s="16">
        <v>2</v>
      </c>
      <c r="AC19" s="16">
        <v>1</v>
      </c>
      <c r="AD19" s="16" t="s">
        <v>304</v>
      </c>
      <c r="AE19" s="16">
        <v>2</v>
      </c>
      <c r="AF19" s="16">
        <v>2</v>
      </c>
      <c r="AG19" s="16">
        <v>3</v>
      </c>
      <c r="AH19" s="16">
        <v>1</v>
      </c>
      <c r="AI19" s="16">
        <v>3</v>
      </c>
      <c r="AJ19" s="16">
        <v>3</v>
      </c>
      <c r="AK19" s="16">
        <v>3</v>
      </c>
      <c r="AL19" s="16">
        <v>13</v>
      </c>
      <c r="AM19" s="16">
        <v>9</v>
      </c>
      <c r="AN19" s="16">
        <v>3</v>
      </c>
      <c r="AO19" s="16">
        <v>9</v>
      </c>
      <c r="AP19" s="16">
        <v>15</v>
      </c>
      <c r="AQ19" s="16">
        <v>15</v>
      </c>
      <c r="AR19" s="16">
        <v>14</v>
      </c>
      <c r="AS19" s="16">
        <v>14</v>
      </c>
      <c r="AT19" s="16">
        <v>17</v>
      </c>
      <c r="AU19" s="16">
        <v>27</v>
      </c>
      <c r="AV19" s="16">
        <v>16</v>
      </c>
      <c r="AW19" s="16">
        <v>30</v>
      </c>
      <c r="AX19" s="16">
        <v>29</v>
      </c>
      <c r="AY19" s="16">
        <v>31</v>
      </c>
      <c r="AZ19" s="16">
        <v>26</v>
      </c>
      <c r="BA19" s="16">
        <v>36</v>
      </c>
      <c r="BB19" s="16">
        <v>49</v>
      </c>
      <c r="BC19" s="16">
        <v>42</v>
      </c>
      <c r="BD19" s="16">
        <v>55</v>
      </c>
      <c r="BE19" s="16">
        <v>53</v>
      </c>
      <c r="BF19" s="16">
        <v>68</v>
      </c>
      <c r="BG19" s="16">
        <v>78</v>
      </c>
      <c r="BH19" s="16">
        <v>96</v>
      </c>
      <c r="BI19" s="16">
        <v>106</v>
      </c>
      <c r="BJ19" s="16">
        <v>129</v>
      </c>
      <c r="BK19" s="16">
        <v>136</v>
      </c>
      <c r="BL19" s="16">
        <v>176</v>
      </c>
      <c r="BM19" s="16">
        <v>235</v>
      </c>
      <c r="BN19" s="16">
        <v>211</v>
      </c>
      <c r="BO19" s="16">
        <v>130</v>
      </c>
      <c r="BP19" s="16">
        <v>137</v>
      </c>
      <c r="BQ19" s="16">
        <v>169</v>
      </c>
      <c r="BR19" s="16">
        <v>195</v>
      </c>
      <c r="BS19" s="16">
        <v>206</v>
      </c>
      <c r="BT19" s="16">
        <v>225</v>
      </c>
      <c r="BU19" s="16">
        <v>205</v>
      </c>
      <c r="BV19" s="16">
        <v>165</v>
      </c>
      <c r="BW19" s="16">
        <v>204</v>
      </c>
      <c r="BX19" s="16">
        <v>211</v>
      </c>
      <c r="BY19" s="16">
        <v>208</v>
      </c>
      <c r="BZ19" s="16">
        <v>239</v>
      </c>
      <c r="CA19" s="16">
        <v>208</v>
      </c>
      <c r="CB19" s="16">
        <v>204</v>
      </c>
      <c r="CC19" s="16">
        <v>183</v>
      </c>
      <c r="CD19" s="16">
        <v>186</v>
      </c>
      <c r="CE19" s="16">
        <v>158</v>
      </c>
      <c r="CF19" s="16">
        <v>160</v>
      </c>
      <c r="CG19" s="16">
        <v>143</v>
      </c>
      <c r="CH19" s="16">
        <v>105</v>
      </c>
      <c r="CI19" s="16">
        <v>83</v>
      </c>
      <c r="CJ19" s="16">
        <v>59</v>
      </c>
      <c r="CK19" s="16">
        <v>62</v>
      </c>
      <c r="CL19" s="16">
        <v>31</v>
      </c>
      <c r="CM19" s="16">
        <v>20</v>
      </c>
      <c r="CN19" s="16">
        <v>13</v>
      </c>
      <c r="CO19" s="16">
        <v>34</v>
      </c>
      <c r="CP19" s="16">
        <v>529</v>
      </c>
      <c r="CQ19" s="16">
        <v>5178</v>
      </c>
      <c r="CR19" s="16">
        <v>3813</v>
      </c>
      <c r="CS19" s="16">
        <v>1888</v>
      </c>
      <c r="CT19" s="16">
        <v>1006</v>
      </c>
      <c r="CU19" s="17">
        <v>79.156739999999999</v>
      </c>
    </row>
    <row r="20" spans="1:99" x14ac:dyDescent="0.15">
      <c r="A20" s="18" t="s">
        <v>196</v>
      </c>
      <c r="B20" s="18" t="s">
        <v>208</v>
      </c>
      <c r="C20" s="18" t="s">
        <v>153</v>
      </c>
      <c r="D20" s="18" t="s">
        <v>9</v>
      </c>
      <c r="E20" s="18" t="s">
        <v>5</v>
      </c>
      <c r="F20" s="18" t="s">
        <v>154</v>
      </c>
      <c r="G20" s="16">
        <v>7886</v>
      </c>
      <c r="H20" s="16" t="s">
        <v>304</v>
      </c>
      <c r="I20" s="16" t="s">
        <v>306</v>
      </c>
      <c r="J20" s="16" t="s">
        <v>304</v>
      </c>
      <c r="K20" s="16">
        <v>1</v>
      </c>
      <c r="L20" s="16">
        <v>1</v>
      </c>
      <c r="M20" s="16">
        <v>2</v>
      </c>
      <c r="N20" s="16">
        <v>1</v>
      </c>
      <c r="O20" s="16">
        <v>4</v>
      </c>
      <c r="P20" s="16">
        <v>1</v>
      </c>
      <c r="Q20" s="16">
        <v>6</v>
      </c>
      <c r="R20" s="16">
        <v>11</v>
      </c>
      <c r="S20" s="16">
        <v>13</v>
      </c>
      <c r="T20" s="16">
        <v>14</v>
      </c>
      <c r="U20" s="16">
        <v>25</v>
      </c>
      <c r="V20" s="16">
        <v>19</v>
      </c>
      <c r="W20" s="16">
        <v>22</v>
      </c>
      <c r="X20" s="16">
        <v>33</v>
      </c>
      <c r="Y20" s="16">
        <v>42</v>
      </c>
      <c r="Z20" s="16">
        <v>40</v>
      </c>
      <c r="AA20" s="16">
        <v>61</v>
      </c>
      <c r="AB20" s="16">
        <v>52</v>
      </c>
      <c r="AC20" s="16">
        <v>59</v>
      </c>
      <c r="AD20" s="16">
        <v>65</v>
      </c>
      <c r="AE20" s="16">
        <v>94</v>
      </c>
      <c r="AF20" s="16">
        <v>98</v>
      </c>
      <c r="AG20" s="16">
        <v>99</v>
      </c>
      <c r="AH20" s="16">
        <v>111</v>
      </c>
      <c r="AI20" s="16">
        <v>150</v>
      </c>
      <c r="AJ20" s="16">
        <v>130</v>
      </c>
      <c r="AK20" s="16">
        <v>133</v>
      </c>
      <c r="AL20" s="16">
        <v>166</v>
      </c>
      <c r="AM20" s="16">
        <v>194</v>
      </c>
      <c r="AN20" s="16">
        <v>184</v>
      </c>
      <c r="AO20" s="16">
        <v>208</v>
      </c>
      <c r="AP20" s="16">
        <v>215</v>
      </c>
      <c r="AQ20" s="16">
        <v>215</v>
      </c>
      <c r="AR20" s="16">
        <v>276</v>
      </c>
      <c r="AS20" s="16">
        <v>224</v>
      </c>
      <c r="AT20" s="16">
        <v>215</v>
      </c>
      <c r="AU20" s="16">
        <v>170</v>
      </c>
      <c r="AV20" s="16">
        <v>212</v>
      </c>
      <c r="AW20" s="16">
        <v>204</v>
      </c>
      <c r="AX20" s="16">
        <v>201</v>
      </c>
      <c r="AY20" s="16">
        <v>159</v>
      </c>
      <c r="AZ20" s="16">
        <v>188</v>
      </c>
      <c r="BA20" s="16">
        <v>191</v>
      </c>
      <c r="BB20" s="16">
        <v>199</v>
      </c>
      <c r="BC20" s="16">
        <v>160</v>
      </c>
      <c r="BD20" s="16">
        <v>177</v>
      </c>
      <c r="BE20" s="16">
        <v>181</v>
      </c>
      <c r="BF20" s="16">
        <v>174</v>
      </c>
      <c r="BG20" s="16">
        <v>164</v>
      </c>
      <c r="BH20" s="16">
        <v>191</v>
      </c>
      <c r="BI20" s="16">
        <v>161</v>
      </c>
      <c r="BJ20" s="16">
        <v>196</v>
      </c>
      <c r="BK20" s="16">
        <v>208</v>
      </c>
      <c r="BL20" s="16">
        <v>242</v>
      </c>
      <c r="BM20" s="16">
        <v>210</v>
      </c>
      <c r="BN20" s="16">
        <v>221</v>
      </c>
      <c r="BO20" s="16">
        <v>108</v>
      </c>
      <c r="BP20" s="16">
        <v>70</v>
      </c>
      <c r="BQ20" s="16">
        <v>140</v>
      </c>
      <c r="BR20" s="16">
        <v>74</v>
      </c>
      <c r="BS20" s="16">
        <v>101</v>
      </c>
      <c r="BT20" s="16">
        <v>94</v>
      </c>
      <c r="BU20" s="16">
        <v>62</v>
      </c>
      <c r="BV20" s="16">
        <v>44</v>
      </c>
      <c r="BW20" s="16">
        <v>54</v>
      </c>
      <c r="BX20" s="16">
        <v>40</v>
      </c>
      <c r="BY20" s="16">
        <v>23</v>
      </c>
      <c r="BZ20" s="16">
        <v>7</v>
      </c>
      <c r="CA20" s="16">
        <v>23</v>
      </c>
      <c r="CB20" s="16">
        <v>13</v>
      </c>
      <c r="CC20" s="16">
        <v>11</v>
      </c>
      <c r="CD20" s="16">
        <v>8</v>
      </c>
      <c r="CE20" s="16">
        <v>6</v>
      </c>
      <c r="CF20" s="16">
        <v>10</v>
      </c>
      <c r="CG20" s="16">
        <v>2</v>
      </c>
      <c r="CH20" s="16">
        <v>1</v>
      </c>
      <c r="CI20" s="16">
        <v>2</v>
      </c>
      <c r="CJ20" s="16" t="s">
        <v>305</v>
      </c>
      <c r="CK20" s="16" t="s">
        <v>304</v>
      </c>
      <c r="CL20" s="16" t="s">
        <v>304</v>
      </c>
      <c r="CM20" s="16" t="s">
        <v>304</v>
      </c>
      <c r="CN20" s="16" t="s">
        <v>304</v>
      </c>
      <c r="CO20" s="16" t="s">
        <v>306</v>
      </c>
      <c r="CP20" s="16">
        <v>5226</v>
      </c>
      <c r="CQ20" s="16">
        <v>2660</v>
      </c>
      <c r="CR20" s="16">
        <v>785</v>
      </c>
      <c r="CS20" s="16">
        <v>83</v>
      </c>
      <c r="CT20" s="16">
        <v>6110</v>
      </c>
      <c r="CU20" s="17">
        <v>58.262619999999998</v>
      </c>
    </row>
    <row r="21" spans="1:99" x14ac:dyDescent="0.15">
      <c r="A21" s="18" t="s">
        <v>196</v>
      </c>
      <c r="B21" s="18" t="s">
        <v>208</v>
      </c>
      <c r="C21" s="18" t="s">
        <v>153</v>
      </c>
      <c r="D21" s="18" t="s">
        <v>9</v>
      </c>
      <c r="E21" s="18" t="s">
        <v>4</v>
      </c>
      <c r="F21" s="18" t="s">
        <v>3</v>
      </c>
      <c r="G21" s="16">
        <v>188015</v>
      </c>
      <c r="H21" s="16">
        <v>1690</v>
      </c>
      <c r="I21" s="16">
        <v>1914</v>
      </c>
      <c r="J21" s="16">
        <v>1851</v>
      </c>
      <c r="K21" s="16">
        <v>1878</v>
      </c>
      <c r="L21" s="16">
        <v>1838</v>
      </c>
      <c r="M21" s="16">
        <v>1891</v>
      </c>
      <c r="N21" s="16">
        <v>1981</v>
      </c>
      <c r="O21" s="16">
        <v>1865</v>
      </c>
      <c r="P21" s="16">
        <v>1775</v>
      </c>
      <c r="Q21" s="16">
        <v>1836</v>
      </c>
      <c r="R21" s="16">
        <v>1934</v>
      </c>
      <c r="S21" s="16">
        <v>1831</v>
      </c>
      <c r="T21" s="16">
        <v>1837</v>
      </c>
      <c r="U21" s="16">
        <v>1814</v>
      </c>
      <c r="V21" s="16">
        <v>1777</v>
      </c>
      <c r="W21" s="16">
        <v>1878</v>
      </c>
      <c r="X21" s="16">
        <v>1924</v>
      </c>
      <c r="Y21" s="16">
        <v>1892</v>
      </c>
      <c r="Z21" s="16">
        <v>2045</v>
      </c>
      <c r="AA21" s="16">
        <v>2116</v>
      </c>
      <c r="AB21" s="16">
        <v>2214</v>
      </c>
      <c r="AC21" s="16">
        <v>2203</v>
      </c>
      <c r="AD21" s="16">
        <v>2165</v>
      </c>
      <c r="AE21" s="16">
        <v>2307</v>
      </c>
      <c r="AF21" s="16">
        <v>2299</v>
      </c>
      <c r="AG21" s="16">
        <v>2386</v>
      </c>
      <c r="AH21" s="16">
        <v>2548</v>
      </c>
      <c r="AI21" s="16">
        <v>2657</v>
      </c>
      <c r="AJ21" s="16">
        <v>2791</v>
      </c>
      <c r="AK21" s="16">
        <v>2882</v>
      </c>
      <c r="AL21" s="16">
        <v>3262</v>
      </c>
      <c r="AM21" s="16">
        <v>3370</v>
      </c>
      <c r="AN21" s="16">
        <v>3420</v>
      </c>
      <c r="AO21" s="16">
        <v>3359</v>
      </c>
      <c r="AP21" s="16">
        <v>3192</v>
      </c>
      <c r="AQ21" s="16">
        <v>2937</v>
      </c>
      <c r="AR21" s="16">
        <v>2887</v>
      </c>
      <c r="AS21" s="16">
        <v>2881</v>
      </c>
      <c r="AT21" s="16">
        <v>2831</v>
      </c>
      <c r="AU21" s="16">
        <v>2199</v>
      </c>
      <c r="AV21" s="16">
        <v>2748</v>
      </c>
      <c r="AW21" s="16">
        <v>2533</v>
      </c>
      <c r="AX21" s="16">
        <v>2546</v>
      </c>
      <c r="AY21" s="16">
        <v>2292</v>
      </c>
      <c r="AZ21" s="16">
        <v>2488</v>
      </c>
      <c r="BA21" s="16">
        <v>2432</v>
      </c>
      <c r="BB21" s="16">
        <v>2462</v>
      </c>
      <c r="BC21" s="16">
        <v>2391</v>
      </c>
      <c r="BD21" s="16">
        <v>2287</v>
      </c>
      <c r="BE21" s="16">
        <v>2416</v>
      </c>
      <c r="BF21" s="16">
        <v>2687</v>
      </c>
      <c r="BG21" s="16">
        <v>2549</v>
      </c>
      <c r="BH21" s="16">
        <v>2864</v>
      </c>
      <c r="BI21" s="16">
        <v>2822</v>
      </c>
      <c r="BJ21" s="16">
        <v>2990</v>
      </c>
      <c r="BK21" s="16">
        <v>3461</v>
      </c>
      <c r="BL21" s="16">
        <v>3719</v>
      </c>
      <c r="BM21" s="16">
        <v>3869</v>
      </c>
      <c r="BN21" s="16">
        <v>4134</v>
      </c>
      <c r="BO21" s="16">
        <v>2118</v>
      </c>
      <c r="BP21" s="16">
        <v>2355</v>
      </c>
      <c r="BQ21" s="16">
        <v>3063</v>
      </c>
      <c r="BR21" s="16">
        <v>2775</v>
      </c>
      <c r="BS21" s="16">
        <v>3017</v>
      </c>
      <c r="BT21" s="16">
        <v>2676</v>
      </c>
      <c r="BU21" s="16">
        <v>2360</v>
      </c>
      <c r="BV21" s="16">
        <v>1935</v>
      </c>
      <c r="BW21" s="16">
        <v>2030</v>
      </c>
      <c r="BX21" s="16">
        <v>2111</v>
      </c>
      <c r="BY21" s="16">
        <v>2275</v>
      </c>
      <c r="BZ21" s="16">
        <v>1747</v>
      </c>
      <c r="CA21" s="16">
        <v>1839</v>
      </c>
      <c r="CB21" s="16">
        <v>1871</v>
      </c>
      <c r="CC21" s="16">
        <v>1663</v>
      </c>
      <c r="CD21" s="16">
        <v>1469</v>
      </c>
      <c r="CE21" s="16">
        <v>1230</v>
      </c>
      <c r="CF21" s="16">
        <v>1234</v>
      </c>
      <c r="CG21" s="16">
        <v>980</v>
      </c>
      <c r="CH21" s="16">
        <v>762</v>
      </c>
      <c r="CI21" s="16">
        <v>636</v>
      </c>
      <c r="CJ21" s="16">
        <v>534</v>
      </c>
      <c r="CK21" s="16">
        <v>368</v>
      </c>
      <c r="CL21" s="16">
        <v>278</v>
      </c>
      <c r="CM21" s="16">
        <v>240</v>
      </c>
      <c r="CN21" s="16">
        <v>152</v>
      </c>
      <c r="CO21" s="16">
        <v>250</v>
      </c>
      <c r="CP21" s="16">
        <v>116952</v>
      </c>
      <c r="CQ21" s="16">
        <v>71063</v>
      </c>
      <c r="CR21" s="16">
        <v>39850</v>
      </c>
      <c r="CS21" s="16">
        <v>15253</v>
      </c>
      <c r="CT21" s="16">
        <v>121693</v>
      </c>
      <c r="CU21" s="17">
        <v>55.514009999999999</v>
      </c>
    </row>
    <row r="22" spans="1:99" x14ac:dyDescent="0.15">
      <c r="A22" s="18" t="s">
        <v>196</v>
      </c>
      <c r="B22" s="18" t="s">
        <v>208</v>
      </c>
      <c r="C22" s="18" t="s">
        <v>153</v>
      </c>
      <c r="D22" s="18" t="s">
        <v>9</v>
      </c>
      <c r="E22" s="18" t="s">
        <v>4</v>
      </c>
      <c r="F22" s="18" t="s">
        <v>157</v>
      </c>
      <c r="G22" s="16">
        <v>40148</v>
      </c>
      <c r="H22" s="16">
        <v>1690</v>
      </c>
      <c r="I22" s="16">
        <v>1914</v>
      </c>
      <c r="J22" s="16">
        <v>1848</v>
      </c>
      <c r="K22" s="16">
        <v>1874</v>
      </c>
      <c r="L22" s="16">
        <v>1822</v>
      </c>
      <c r="M22" s="16">
        <v>1858</v>
      </c>
      <c r="N22" s="16">
        <v>1923</v>
      </c>
      <c r="O22" s="16">
        <v>1752</v>
      </c>
      <c r="P22" s="16">
        <v>1595</v>
      </c>
      <c r="Q22" s="16">
        <v>1552</v>
      </c>
      <c r="R22" s="16">
        <v>1492</v>
      </c>
      <c r="S22" s="16">
        <v>1227</v>
      </c>
      <c r="T22" s="16">
        <v>1050</v>
      </c>
      <c r="U22" s="16">
        <v>956</v>
      </c>
      <c r="V22" s="16">
        <v>781</v>
      </c>
      <c r="W22" s="16">
        <v>730</v>
      </c>
      <c r="X22" s="16">
        <v>700</v>
      </c>
      <c r="Y22" s="16">
        <v>603</v>
      </c>
      <c r="Z22" s="16">
        <v>626</v>
      </c>
      <c r="AA22" s="16">
        <v>594</v>
      </c>
      <c r="AB22" s="16">
        <v>573</v>
      </c>
      <c r="AC22" s="16">
        <v>508</v>
      </c>
      <c r="AD22" s="16">
        <v>461</v>
      </c>
      <c r="AE22" s="16">
        <v>456</v>
      </c>
      <c r="AF22" s="16">
        <v>473</v>
      </c>
      <c r="AG22" s="16">
        <v>466</v>
      </c>
      <c r="AH22" s="16">
        <v>477</v>
      </c>
      <c r="AI22" s="16">
        <v>486</v>
      </c>
      <c r="AJ22" s="16">
        <v>503</v>
      </c>
      <c r="AK22" s="16">
        <v>487</v>
      </c>
      <c r="AL22" s="16">
        <v>571</v>
      </c>
      <c r="AM22" s="16">
        <v>548</v>
      </c>
      <c r="AN22" s="16">
        <v>547</v>
      </c>
      <c r="AO22" s="16">
        <v>516</v>
      </c>
      <c r="AP22" s="16">
        <v>483</v>
      </c>
      <c r="AQ22" s="16">
        <v>425</v>
      </c>
      <c r="AR22" s="16">
        <v>413</v>
      </c>
      <c r="AS22" s="16">
        <v>372</v>
      </c>
      <c r="AT22" s="16">
        <v>367</v>
      </c>
      <c r="AU22" s="16">
        <v>273</v>
      </c>
      <c r="AV22" s="16">
        <v>300</v>
      </c>
      <c r="AW22" s="16">
        <v>241</v>
      </c>
      <c r="AX22" s="16">
        <v>229</v>
      </c>
      <c r="AY22" s="16">
        <v>211</v>
      </c>
      <c r="AZ22" s="16">
        <v>200</v>
      </c>
      <c r="BA22" s="16">
        <v>178</v>
      </c>
      <c r="BB22" s="16">
        <v>162</v>
      </c>
      <c r="BC22" s="16">
        <v>144</v>
      </c>
      <c r="BD22" s="16">
        <v>130</v>
      </c>
      <c r="BE22" s="16">
        <v>133</v>
      </c>
      <c r="BF22" s="16">
        <v>120</v>
      </c>
      <c r="BG22" s="16">
        <v>108</v>
      </c>
      <c r="BH22" s="16">
        <v>123</v>
      </c>
      <c r="BI22" s="16">
        <v>100</v>
      </c>
      <c r="BJ22" s="16">
        <v>106</v>
      </c>
      <c r="BK22" s="16">
        <v>116</v>
      </c>
      <c r="BL22" s="16">
        <v>145</v>
      </c>
      <c r="BM22" s="16">
        <v>169</v>
      </c>
      <c r="BN22" s="16">
        <v>156</v>
      </c>
      <c r="BO22" s="16">
        <v>70</v>
      </c>
      <c r="BP22" s="16">
        <v>95</v>
      </c>
      <c r="BQ22" s="16">
        <v>90</v>
      </c>
      <c r="BR22" s="16">
        <v>62</v>
      </c>
      <c r="BS22" s="16">
        <v>84</v>
      </c>
      <c r="BT22" s="16">
        <v>79</v>
      </c>
      <c r="BU22" s="16">
        <v>57</v>
      </c>
      <c r="BV22" s="16">
        <v>54</v>
      </c>
      <c r="BW22" s="16">
        <v>55</v>
      </c>
      <c r="BX22" s="16">
        <v>58</v>
      </c>
      <c r="BY22" s="16">
        <v>51</v>
      </c>
      <c r="BZ22" s="16">
        <v>42</v>
      </c>
      <c r="CA22" s="16">
        <v>50</v>
      </c>
      <c r="CB22" s="16">
        <v>37</v>
      </c>
      <c r="CC22" s="16">
        <v>37</v>
      </c>
      <c r="CD22" s="16">
        <v>26</v>
      </c>
      <c r="CE22" s="16">
        <v>28</v>
      </c>
      <c r="CF22" s="16">
        <v>31</v>
      </c>
      <c r="CG22" s="16">
        <v>18</v>
      </c>
      <c r="CH22" s="16">
        <v>29</v>
      </c>
      <c r="CI22" s="16">
        <v>11</v>
      </c>
      <c r="CJ22" s="16">
        <v>7</v>
      </c>
      <c r="CK22" s="16">
        <v>3</v>
      </c>
      <c r="CL22" s="16">
        <v>3</v>
      </c>
      <c r="CM22" s="16">
        <v>4</v>
      </c>
      <c r="CN22" s="16">
        <v>4</v>
      </c>
      <c r="CO22" s="16" t="s">
        <v>304</v>
      </c>
      <c r="CP22" s="16">
        <v>37920</v>
      </c>
      <c r="CQ22" s="16">
        <v>2228</v>
      </c>
      <c r="CR22" s="16">
        <v>1015</v>
      </c>
      <c r="CS22" s="16">
        <v>330</v>
      </c>
      <c r="CT22" s="16">
        <v>29329</v>
      </c>
      <c r="CU22" s="17">
        <v>32.666559999999997</v>
      </c>
    </row>
    <row r="23" spans="1:99" x14ac:dyDescent="0.15">
      <c r="A23" s="18" t="s">
        <v>196</v>
      </c>
      <c r="B23" s="18" t="s">
        <v>208</v>
      </c>
      <c r="C23" s="18" t="s">
        <v>153</v>
      </c>
      <c r="D23" s="18" t="s">
        <v>9</v>
      </c>
      <c r="E23" s="18" t="s">
        <v>4</v>
      </c>
      <c r="F23" s="18" t="s">
        <v>156</v>
      </c>
      <c r="G23" s="16">
        <v>105172</v>
      </c>
      <c r="H23" s="16" t="s">
        <v>304</v>
      </c>
      <c r="I23" s="16" t="s">
        <v>304</v>
      </c>
      <c r="J23" s="16">
        <v>3</v>
      </c>
      <c r="K23" s="16">
        <v>4</v>
      </c>
      <c r="L23" s="16">
        <v>14</v>
      </c>
      <c r="M23" s="16">
        <v>28</v>
      </c>
      <c r="N23" s="16">
        <v>56</v>
      </c>
      <c r="O23" s="16">
        <v>106</v>
      </c>
      <c r="P23" s="16">
        <v>168</v>
      </c>
      <c r="Q23" s="16">
        <v>271</v>
      </c>
      <c r="R23" s="16">
        <v>421</v>
      </c>
      <c r="S23" s="16">
        <v>568</v>
      </c>
      <c r="T23" s="16">
        <v>749</v>
      </c>
      <c r="U23" s="16">
        <v>820</v>
      </c>
      <c r="V23" s="16">
        <v>957</v>
      </c>
      <c r="W23" s="16">
        <v>1089</v>
      </c>
      <c r="X23" s="16">
        <v>1142</v>
      </c>
      <c r="Y23" s="16">
        <v>1222</v>
      </c>
      <c r="Z23" s="16">
        <v>1327</v>
      </c>
      <c r="AA23" s="16">
        <v>1426</v>
      </c>
      <c r="AB23" s="16">
        <v>1520</v>
      </c>
      <c r="AC23" s="16">
        <v>1560</v>
      </c>
      <c r="AD23" s="16">
        <v>1560</v>
      </c>
      <c r="AE23" s="16">
        <v>1709</v>
      </c>
      <c r="AF23" s="16">
        <v>1672</v>
      </c>
      <c r="AG23" s="16">
        <v>1758</v>
      </c>
      <c r="AH23" s="16">
        <v>1875</v>
      </c>
      <c r="AI23" s="16">
        <v>1954</v>
      </c>
      <c r="AJ23" s="16">
        <v>2052</v>
      </c>
      <c r="AK23" s="16">
        <v>2142</v>
      </c>
      <c r="AL23" s="16">
        <v>2390</v>
      </c>
      <c r="AM23" s="16">
        <v>2477</v>
      </c>
      <c r="AN23" s="16">
        <v>2491</v>
      </c>
      <c r="AO23" s="16">
        <v>2455</v>
      </c>
      <c r="AP23" s="16">
        <v>2332</v>
      </c>
      <c r="AQ23" s="16">
        <v>2137</v>
      </c>
      <c r="AR23" s="16">
        <v>2101</v>
      </c>
      <c r="AS23" s="16">
        <v>2115</v>
      </c>
      <c r="AT23" s="16">
        <v>2074</v>
      </c>
      <c r="AU23" s="16">
        <v>1625</v>
      </c>
      <c r="AV23" s="16">
        <v>2048</v>
      </c>
      <c r="AW23" s="16">
        <v>1908</v>
      </c>
      <c r="AX23" s="16">
        <v>1943</v>
      </c>
      <c r="AY23" s="16">
        <v>1736</v>
      </c>
      <c r="AZ23" s="16">
        <v>1865</v>
      </c>
      <c r="BA23" s="16">
        <v>1846</v>
      </c>
      <c r="BB23" s="16">
        <v>1909</v>
      </c>
      <c r="BC23" s="16">
        <v>1834</v>
      </c>
      <c r="BD23" s="16">
        <v>1795</v>
      </c>
      <c r="BE23" s="16">
        <v>1871</v>
      </c>
      <c r="BF23" s="16">
        <v>2054</v>
      </c>
      <c r="BG23" s="16">
        <v>1940</v>
      </c>
      <c r="BH23" s="16">
        <v>2188</v>
      </c>
      <c r="BI23" s="16">
        <v>2108</v>
      </c>
      <c r="BJ23" s="16">
        <v>2173</v>
      </c>
      <c r="BK23" s="16">
        <v>2471</v>
      </c>
      <c r="BL23" s="16">
        <v>2570</v>
      </c>
      <c r="BM23" s="16">
        <v>2572</v>
      </c>
      <c r="BN23" s="16">
        <v>2741</v>
      </c>
      <c r="BO23" s="16">
        <v>1350</v>
      </c>
      <c r="BP23" s="16">
        <v>1460</v>
      </c>
      <c r="BQ23" s="16">
        <v>1802</v>
      </c>
      <c r="BR23" s="16">
        <v>1602</v>
      </c>
      <c r="BS23" s="16">
        <v>1566</v>
      </c>
      <c r="BT23" s="16">
        <v>1271</v>
      </c>
      <c r="BU23" s="16">
        <v>1074</v>
      </c>
      <c r="BV23" s="16">
        <v>803</v>
      </c>
      <c r="BW23" s="16">
        <v>833</v>
      </c>
      <c r="BX23" s="16">
        <v>745</v>
      </c>
      <c r="BY23" s="16">
        <v>652</v>
      </c>
      <c r="BZ23" s="16">
        <v>470</v>
      </c>
      <c r="CA23" s="16">
        <v>385</v>
      </c>
      <c r="CB23" s="16">
        <v>358</v>
      </c>
      <c r="CC23" s="16">
        <v>264</v>
      </c>
      <c r="CD23" s="16">
        <v>191</v>
      </c>
      <c r="CE23" s="16">
        <v>132</v>
      </c>
      <c r="CF23" s="16">
        <v>106</v>
      </c>
      <c r="CG23" s="16">
        <v>60</v>
      </c>
      <c r="CH23" s="16">
        <v>42</v>
      </c>
      <c r="CI23" s="16">
        <v>23</v>
      </c>
      <c r="CJ23" s="16">
        <v>23</v>
      </c>
      <c r="CK23" s="16">
        <v>10</v>
      </c>
      <c r="CL23" s="16">
        <v>5</v>
      </c>
      <c r="CM23" s="16">
        <v>1</v>
      </c>
      <c r="CN23" s="16">
        <v>1</v>
      </c>
      <c r="CO23" s="16">
        <v>1</v>
      </c>
      <c r="CP23" s="16">
        <v>69125</v>
      </c>
      <c r="CQ23" s="16">
        <v>36047</v>
      </c>
      <c r="CR23" s="16">
        <v>13880</v>
      </c>
      <c r="CS23" s="16">
        <v>2072</v>
      </c>
      <c r="CT23" s="16">
        <v>79567</v>
      </c>
      <c r="CU23" s="17">
        <v>56.392040000000001</v>
      </c>
    </row>
    <row r="24" spans="1:99" x14ac:dyDescent="0.15">
      <c r="A24" s="18" t="s">
        <v>196</v>
      </c>
      <c r="B24" s="18" t="s">
        <v>308</v>
      </c>
      <c r="C24" s="18" t="s">
        <v>153</v>
      </c>
      <c r="D24" s="18" t="s">
        <v>9</v>
      </c>
      <c r="E24" s="18" t="s">
        <v>4</v>
      </c>
      <c r="F24" s="18" t="s">
        <v>155</v>
      </c>
      <c r="G24" s="16">
        <v>30621</v>
      </c>
      <c r="H24" s="16" t="s">
        <v>304</v>
      </c>
      <c r="I24" s="16" t="s">
        <v>304</v>
      </c>
      <c r="J24" s="16" t="s">
        <v>304</v>
      </c>
      <c r="K24" s="16" t="s">
        <v>304</v>
      </c>
      <c r="L24" s="16" t="s">
        <v>304</v>
      </c>
      <c r="M24" s="16">
        <v>1</v>
      </c>
      <c r="N24" s="16" t="s">
        <v>304</v>
      </c>
      <c r="O24" s="16" t="s">
        <v>304</v>
      </c>
      <c r="P24" s="16">
        <v>1</v>
      </c>
      <c r="Q24" s="16" t="s">
        <v>304</v>
      </c>
      <c r="R24" s="16" t="s">
        <v>304</v>
      </c>
      <c r="S24" s="16">
        <v>2</v>
      </c>
      <c r="T24" s="16">
        <v>2</v>
      </c>
      <c r="U24" s="16" t="s">
        <v>304</v>
      </c>
      <c r="V24" s="16">
        <v>2</v>
      </c>
      <c r="W24" s="16" t="s">
        <v>304</v>
      </c>
      <c r="X24" s="16">
        <v>3</v>
      </c>
      <c r="Y24" s="16">
        <v>2</v>
      </c>
      <c r="Z24" s="16">
        <v>6</v>
      </c>
      <c r="AA24" s="16">
        <v>2</v>
      </c>
      <c r="AB24" s="16">
        <v>4</v>
      </c>
      <c r="AC24" s="16">
        <v>4</v>
      </c>
      <c r="AD24" s="16">
        <v>2</v>
      </c>
      <c r="AE24" s="16">
        <v>10</v>
      </c>
      <c r="AF24" s="16">
        <v>9</v>
      </c>
      <c r="AG24" s="16">
        <v>8</v>
      </c>
      <c r="AH24" s="16">
        <v>13</v>
      </c>
      <c r="AI24" s="16">
        <v>8</v>
      </c>
      <c r="AJ24" s="16">
        <v>12</v>
      </c>
      <c r="AK24" s="16">
        <v>21</v>
      </c>
      <c r="AL24" s="16">
        <v>26</v>
      </c>
      <c r="AM24" s="16">
        <v>27</v>
      </c>
      <c r="AN24" s="16">
        <v>37</v>
      </c>
      <c r="AO24" s="16">
        <v>39</v>
      </c>
      <c r="AP24" s="16">
        <v>42</v>
      </c>
      <c r="AQ24" s="16">
        <v>43</v>
      </c>
      <c r="AR24" s="16">
        <v>63</v>
      </c>
      <c r="AS24" s="16">
        <v>64</v>
      </c>
      <c r="AT24" s="16">
        <v>80</v>
      </c>
      <c r="AU24" s="16">
        <v>56</v>
      </c>
      <c r="AV24" s="16">
        <v>85</v>
      </c>
      <c r="AW24" s="16">
        <v>88</v>
      </c>
      <c r="AX24" s="16">
        <v>104</v>
      </c>
      <c r="AY24" s="16">
        <v>111</v>
      </c>
      <c r="AZ24" s="16">
        <v>147</v>
      </c>
      <c r="BA24" s="16">
        <v>143</v>
      </c>
      <c r="BB24" s="16">
        <v>148</v>
      </c>
      <c r="BC24" s="16">
        <v>193</v>
      </c>
      <c r="BD24" s="16">
        <v>168</v>
      </c>
      <c r="BE24" s="16">
        <v>217</v>
      </c>
      <c r="BF24" s="16">
        <v>272</v>
      </c>
      <c r="BG24" s="16">
        <v>279</v>
      </c>
      <c r="BH24" s="16">
        <v>334</v>
      </c>
      <c r="BI24" s="16">
        <v>383</v>
      </c>
      <c r="BJ24" s="16">
        <v>447</v>
      </c>
      <c r="BK24" s="16">
        <v>596</v>
      </c>
      <c r="BL24" s="16">
        <v>712</v>
      </c>
      <c r="BM24" s="16">
        <v>804</v>
      </c>
      <c r="BN24" s="16">
        <v>937</v>
      </c>
      <c r="BO24" s="16">
        <v>545</v>
      </c>
      <c r="BP24" s="16">
        <v>650</v>
      </c>
      <c r="BQ24" s="16">
        <v>969</v>
      </c>
      <c r="BR24" s="16">
        <v>961</v>
      </c>
      <c r="BS24" s="16">
        <v>1203</v>
      </c>
      <c r="BT24" s="16">
        <v>1185</v>
      </c>
      <c r="BU24" s="16">
        <v>1124</v>
      </c>
      <c r="BV24" s="16">
        <v>969</v>
      </c>
      <c r="BW24" s="16">
        <v>1067</v>
      </c>
      <c r="BX24" s="16">
        <v>1240</v>
      </c>
      <c r="BY24" s="16">
        <v>1487</v>
      </c>
      <c r="BZ24" s="16">
        <v>1163</v>
      </c>
      <c r="CA24" s="16">
        <v>1343</v>
      </c>
      <c r="CB24" s="16">
        <v>1421</v>
      </c>
      <c r="CC24" s="16">
        <v>1325</v>
      </c>
      <c r="CD24" s="16">
        <v>1217</v>
      </c>
      <c r="CE24" s="16">
        <v>1048</v>
      </c>
      <c r="CF24" s="16">
        <v>1071</v>
      </c>
      <c r="CG24" s="16">
        <v>876</v>
      </c>
      <c r="CH24" s="16">
        <v>681</v>
      </c>
      <c r="CI24" s="16">
        <v>589</v>
      </c>
      <c r="CJ24" s="16">
        <v>490</v>
      </c>
      <c r="CK24" s="16">
        <v>349</v>
      </c>
      <c r="CL24" s="16">
        <v>268</v>
      </c>
      <c r="CM24" s="16">
        <v>231</v>
      </c>
      <c r="CN24" s="16">
        <v>146</v>
      </c>
      <c r="CO24" s="16">
        <v>246</v>
      </c>
      <c r="CP24" s="16">
        <v>1993</v>
      </c>
      <c r="CQ24" s="16">
        <v>28628</v>
      </c>
      <c r="CR24" s="16">
        <v>23319</v>
      </c>
      <c r="CS24" s="16">
        <v>12464</v>
      </c>
      <c r="CT24" s="16">
        <v>3708</v>
      </c>
      <c r="CU24" s="17">
        <v>81.391379999999998</v>
      </c>
    </row>
    <row r="25" spans="1:99" x14ac:dyDescent="0.15">
      <c r="A25" s="18" t="s">
        <v>196</v>
      </c>
      <c r="B25" s="18" t="s">
        <v>309</v>
      </c>
      <c r="C25" s="18" t="s">
        <v>153</v>
      </c>
      <c r="D25" s="18" t="s">
        <v>9</v>
      </c>
      <c r="E25" s="18" t="s">
        <v>4</v>
      </c>
      <c r="F25" s="18" t="s">
        <v>154</v>
      </c>
      <c r="G25" s="16">
        <v>12074</v>
      </c>
      <c r="H25" s="16" t="s">
        <v>304</v>
      </c>
      <c r="I25" s="16" t="s">
        <v>304</v>
      </c>
      <c r="J25" s="16" t="s">
        <v>304</v>
      </c>
      <c r="K25" s="16" t="s">
        <v>304</v>
      </c>
      <c r="L25" s="16">
        <v>2</v>
      </c>
      <c r="M25" s="16">
        <v>4</v>
      </c>
      <c r="N25" s="16">
        <v>2</v>
      </c>
      <c r="O25" s="16">
        <v>7</v>
      </c>
      <c r="P25" s="16">
        <v>11</v>
      </c>
      <c r="Q25" s="16">
        <v>13</v>
      </c>
      <c r="R25" s="16">
        <v>21</v>
      </c>
      <c r="S25" s="16">
        <v>34</v>
      </c>
      <c r="T25" s="16">
        <v>36</v>
      </c>
      <c r="U25" s="16">
        <v>38</v>
      </c>
      <c r="V25" s="16">
        <v>37</v>
      </c>
      <c r="W25" s="16">
        <v>59</v>
      </c>
      <c r="X25" s="16">
        <v>79</v>
      </c>
      <c r="Y25" s="16">
        <v>65</v>
      </c>
      <c r="Z25" s="16">
        <v>86</v>
      </c>
      <c r="AA25" s="16">
        <v>94</v>
      </c>
      <c r="AB25" s="16">
        <v>117</v>
      </c>
      <c r="AC25" s="16">
        <v>131</v>
      </c>
      <c r="AD25" s="16">
        <v>142</v>
      </c>
      <c r="AE25" s="16">
        <v>132</v>
      </c>
      <c r="AF25" s="16">
        <v>145</v>
      </c>
      <c r="AG25" s="16">
        <v>154</v>
      </c>
      <c r="AH25" s="16">
        <v>183</v>
      </c>
      <c r="AI25" s="16">
        <v>209</v>
      </c>
      <c r="AJ25" s="16">
        <v>224</v>
      </c>
      <c r="AK25" s="16">
        <v>232</v>
      </c>
      <c r="AL25" s="16">
        <v>275</v>
      </c>
      <c r="AM25" s="16">
        <v>318</v>
      </c>
      <c r="AN25" s="16">
        <v>345</v>
      </c>
      <c r="AO25" s="16">
        <v>349</v>
      </c>
      <c r="AP25" s="16">
        <v>335</v>
      </c>
      <c r="AQ25" s="16">
        <v>332</v>
      </c>
      <c r="AR25" s="16">
        <v>310</v>
      </c>
      <c r="AS25" s="16">
        <v>330</v>
      </c>
      <c r="AT25" s="16">
        <v>310</v>
      </c>
      <c r="AU25" s="16">
        <v>245</v>
      </c>
      <c r="AV25" s="16">
        <v>315</v>
      </c>
      <c r="AW25" s="16">
        <v>296</v>
      </c>
      <c r="AX25" s="16">
        <v>270</v>
      </c>
      <c r="AY25" s="16">
        <v>234</v>
      </c>
      <c r="AZ25" s="16">
        <v>276</v>
      </c>
      <c r="BA25" s="16">
        <v>265</v>
      </c>
      <c r="BB25" s="16">
        <v>243</v>
      </c>
      <c r="BC25" s="16">
        <v>220</v>
      </c>
      <c r="BD25" s="16">
        <v>194</v>
      </c>
      <c r="BE25" s="16">
        <v>195</v>
      </c>
      <c r="BF25" s="16">
        <v>241</v>
      </c>
      <c r="BG25" s="16">
        <v>222</v>
      </c>
      <c r="BH25" s="16">
        <v>219</v>
      </c>
      <c r="BI25" s="16">
        <v>231</v>
      </c>
      <c r="BJ25" s="16">
        <v>264</v>
      </c>
      <c r="BK25" s="16">
        <v>278</v>
      </c>
      <c r="BL25" s="16">
        <v>292</v>
      </c>
      <c r="BM25" s="16">
        <v>324</v>
      </c>
      <c r="BN25" s="16">
        <v>300</v>
      </c>
      <c r="BO25" s="16">
        <v>153</v>
      </c>
      <c r="BP25" s="16">
        <v>150</v>
      </c>
      <c r="BQ25" s="16">
        <v>202</v>
      </c>
      <c r="BR25" s="16">
        <v>150</v>
      </c>
      <c r="BS25" s="16">
        <v>164</v>
      </c>
      <c r="BT25" s="16">
        <v>141</v>
      </c>
      <c r="BU25" s="16">
        <v>105</v>
      </c>
      <c r="BV25" s="16">
        <v>109</v>
      </c>
      <c r="BW25" s="16">
        <v>75</v>
      </c>
      <c r="BX25" s="16">
        <v>68</v>
      </c>
      <c r="BY25" s="16">
        <v>85</v>
      </c>
      <c r="BZ25" s="16">
        <v>72</v>
      </c>
      <c r="CA25" s="16">
        <v>61</v>
      </c>
      <c r="CB25" s="16">
        <v>55</v>
      </c>
      <c r="CC25" s="16">
        <v>37</v>
      </c>
      <c r="CD25" s="16">
        <v>35</v>
      </c>
      <c r="CE25" s="16">
        <v>22</v>
      </c>
      <c r="CF25" s="16">
        <v>26</v>
      </c>
      <c r="CG25" s="16">
        <v>26</v>
      </c>
      <c r="CH25" s="16">
        <v>10</v>
      </c>
      <c r="CI25" s="16">
        <v>13</v>
      </c>
      <c r="CJ25" s="16">
        <v>14</v>
      </c>
      <c r="CK25" s="16">
        <v>6</v>
      </c>
      <c r="CL25" s="16">
        <v>2</v>
      </c>
      <c r="CM25" s="16">
        <v>4</v>
      </c>
      <c r="CN25" s="16">
        <v>1</v>
      </c>
      <c r="CO25" s="16">
        <v>3</v>
      </c>
      <c r="CP25" s="16">
        <v>7914</v>
      </c>
      <c r="CQ25" s="16">
        <v>4160</v>
      </c>
      <c r="CR25" s="16">
        <v>1636</v>
      </c>
      <c r="CS25" s="16">
        <v>387</v>
      </c>
      <c r="CT25" s="16">
        <v>9089</v>
      </c>
      <c r="CU25" s="17">
        <v>58.209380000000003</v>
      </c>
    </row>
    <row r="26" spans="1:99" x14ac:dyDescent="0.15">
      <c r="A26" s="18" t="s">
        <v>196</v>
      </c>
      <c r="B26" s="18" t="s">
        <v>208</v>
      </c>
      <c r="C26" s="18" t="s">
        <v>153</v>
      </c>
      <c r="D26" s="18" t="s">
        <v>8</v>
      </c>
      <c r="E26" s="18" t="s">
        <v>3</v>
      </c>
      <c r="F26" s="18" t="s">
        <v>3</v>
      </c>
      <c r="G26" s="16">
        <v>359008</v>
      </c>
      <c r="H26" s="16">
        <v>3599</v>
      </c>
      <c r="I26" s="16">
        <v>3917</v>
      </c>
      <c r="J26" s="16">
        <v>3766</v>
      </c>
      <c r="K26" s="16">
        <v>3968</v>
      </c>
      <c r="L26" s="16">
        <v>3965</v>
      </c>
      <c r="M26" s="16">
        <v>4005</v>
      </c>
      <c r="N26" s="16">
        <v>3986</v>
      </c>
      <c r="O26" s="16">
        <v>3922</v>
      </c>
      <c r="P26" s="16">
        <v>3652</v>
      </c>
      <c r="Q26" s="16">
        <v>3718</v>
      </c>
      <c r="R26" s="16">
        <v>3876</v>
      </c>
      <c r="S26" s="16">
        <v>3652</v>
      </c>
      <c r="T26" s="16">
        <v>3596</v>
      </c>
      <c r="U26" s="16">
        <v>3591</v>
      </c>
      <c r="V26" s="16">
        <v>3616</v>
      </c>
      <c r="W26" s="16">
        <v>3793</v>
      </c>
      <c r="X26" s="16">
        <v>3900</v>
      </c>
      <c r="Y26" s="16">
        <v>3887</v>
      </c>
      <c r="Z26" s="16">
        <v>4043</v>
      </c>
      <c r="AA26" s="16">
        <v>4202</v>
      </c>
      <c r="AB26" s="16">
        <v>4412</v>
      </c>
      <c r="AC26" s="16">
        <v>4449</v>
      </c>
      <c r="AD26" s="16">
        <v>4438</v>
      </c>
      <c r="AE26" s="16">
        <v>4606</v>
      </c>
      <c r="AF26" s="16">
        <v>4559</v>
      </c>
      <c r="AG26" s="16">
        <v>4793</v>
      </c>
      <c r="AH26" s="16">
        <v>5103</v>
      </c>
      <c r="AI26" s="16">
        <v>5509</v>
      </c>
      <c r="AJ26" s="16">
        <v>5639</v>
      </c>
      <c r="AK26" s="16">
        <v>5955</v>
      </c>
      <c r="AL26" s="16">
        <v>6480</v>
      </c>
      <c r="AM26" s="16">
        <v>6784</v>
      </c>
      <c r="AN26" s="16">
        <v>6886</v>
      </c>
      <c r="AO26" s="16">
        <v>6788</v>
      </c>
      <c r="AP26" s="16">
        <v>6406</v>
      </c>
      <c r="AQ26" s="16">
        <v>6060</v>
      </c>
      <c r="AR26" s="16">
        <v>5945</v>
      </c>
      <c r="AS26" s="16">
        <v>5693</v>
      </c>
      <c r="AT26" s="16">
        <v>5633</v>
      </c>
      <c r="AU26" s="16">
        <v>4307</v>
      </c>
      <c r="AV26" s="16">
        <v>5337</v>
      </c>
      <c r="AW26" s="16">
        <v>5021</v>
      </c>
      <c r="AX26" s="16">
        <v>5065</v>
      </c>
      <c r="AY26" s="16">
        <v>4598</v>
      </c>
      <c r="AZ26" s="16">
        <v>4751</v>
      </c>
      <c r="BA26" s="16">
        <v>4808</v>
      </c>
      <c r="BB26" s="16">
        <v>4801</v>
      </c>
      <c r="BC26" s="16">
        <v>4625</v>
      </c>
      <c r="BD26" s="16">
        <v>4483</v>
      </c>
      <c r="BE26" s="16">
        <v>4698</v>
      </c>
      <c r="BF26" s="16">
        <v>5180</v>
      </c>
      <c r="BG26" s="16">
        <v>4977</v>
      </c>
      <c r="BH26" s="16">
        <v>5447</v>
      </c>
      <c r="BI26" s="16">
        <v>5426</v>
      </c>
      <c r="BJ26" s="16">
        <v>5699</v>
      </c>
      <c r="BK26" s="16">
        <v>6509</v>
      </c>
      <c r="BL26" s="16">
        <v>7118</v>
      </c>
      <c r="BM26" s="16">
        <v>7287</v>
      </c>
      <c r="BN26" s="16">
        <v>7662</v>
      </c>
      <c r="BO26" s="16">
        <v>3926</v>
      </c>
      <c r="BP26" s="16">
        <v>4267</v>
      </c>
      <c r="BQ26" s="16">
        <v>5467</v>
      </c>
      <c r="BR26" s="16">
        <v>4945</v>
      </c>
      <c r="BS26" s="16">
        <v>5323</v>
      </c>
      <c r="BT26" s="16">
        <v>4754</v>
      </c>
      <c r="BU26" s="16">
        <v>4165</v>
      </c>
      <c r="BV26" s="16">
        <v>3361</v>
      </c>
      <c r="BW26" s="16">
        <v>3431</v>
      </c>
      <c r="BX26" s="16">
        <v>3484</v>
      </c>
      <c r="BY26" s="16">
        <v>3641</v>
      </c>
      <c r="BZ26" s="16">
        <v>2828</v>
      </c>
      <c r="CA26" s="16">
        <v>2847</v>
      </c>
      <c r="CB26" s="16">
        <v>2759</v>
      </c>
      <c r="CC26" s="16">
        <v>2346</v>
      </c>
      <c r="CD26" s="16">
        <v>2121</v>
      </c>
      <c r="CE26" s="16">
        <v>1741</v>
      </c>
      <c r="CF26" s="16">
        <v>1667</v>
      </c>
      <c r="CG26" s="16">
        <v>1326</v>
      </c>
      <c r="CH26" s="16">
        <v>1006</v>
      </c>
      <c r="CI26" s="16">
        <v>833</v>
      </c>
      <c r="CJ26" s="16">
        <v>648</v>
      </c>
      <c r="CK26" s="16">
        <v>462</v>
      </c>
      <c r="CL26" s="16">
        <v>328</v>
      </c>
      <c r="CM26" s="16">
        <v>278</v>
      </c>
      <c r="CN26" s="16">
        <v>171</v>
      </c>
      <c r="CO26" s="16">
        <v>292</v>
      </c>
      <c r="CP26" s="16">
        <v>235286</v>
      </c>
      <c r="CQ26" s="16">
        <v>123722</v>
      </c>
      <c r="CR26" s="16">
        <v>64491</v>
      </c>
      <c r="CS26" s="16">
        <v>21653</v>
      </c>
      <c r="CT26" s="16">
        <v>242800</v>
      </c>
      <c r="CU26" s="17">
        <v>53.874420000000001</v>
      </c>
    </row>
    <row r="27" spans="1:99" x14ac:dyDescent="0.15">
      <c r="A27" s="18" t="s">
        <v>196</v>
      </c>
      <c r="B27" s="18" t="s">
        <v>208</v>
      </c>
      <c r="C27" s="18" t="s">
        <v>153</v>
      </c>
      <c r="D27" s="18" t="s">
        <v>8</v>
      </c>
      <c r="E27" s="18" t="s">
        <v>3</v>
      </c>
      <c r="F27" s="18" t="s">
        <v>157</v>
      </c>
      <c r="G27" s="16">
        <v>95572</v>
      </c>
      <c r="H27" s="16">
        <v>3599</v>
      </c>
      <c r="I27" s="16">
        <v>3917</v>
      </c>
      <c r="J27" s="16">
        <v>3762</v>
      </c>
      <c r="K27" s="16">
        <v>3959</v>
      </c>
      <c r="L27" s="16">
        <v>3935</v>
      </c>
      <c r="M27" s="16">
        <v>3955</v>
      </c>
      <c r="N27" s="16">
        <v>3887</v>
      </c>
      <c r="O27" s="16">
        <v>3747</v>
      </c>
      <c r="P27" s="16">
        <v>3395</v>
      </c>
      <c r="Q27" s="16">
        <v>3302</v>
      </c>
      <c r="R27" s="16">
        <v>3148</v>
      </c>
      <c r="S27" s="16">
        <v>2666</v>
      </c>
      <c r="T27" s="16">
        <v>2345</v>
      </c>
      <c r="U27" s="16">
        <v>2168</v>
      </c>
      <c r="V27" s="16">
        <v>1907</v>
      </c>
      <c r="W27" s="16">
        <v>1782</v>
      </c>
      <c r="X27" s="16">
        <v>1787</v>
      </c>
      <c r="Y27" s="16">
        <v>1603</v>
      </c>
      <c r="Z27" s="16">
        <v>1628</v>
      </c>
      <c r="AA27" s="16">
        <v>1519</v>
      </c>
      <c r="AB27" s="16">
        <v>1489</v>
      </c>
      <c r="AC27" s="16">
        <v>1385</v>
      </c>
      <c r="AD27" s="16">
        <v>1295</v>
      </c>
      <c r="AE27" s="16">
        <v>1288</v>
      </c>
      <c r="AF27" s="16">
        <v>1284</v>
      </c>
      <c r="AG27" s="16">
        <v>1264</v>
      </c>
      <c r="AH27" s="16">
        <v>1311</v>
      </c>
      <c r="AI27" s="16">
        <v>1401</v>
      </c>
      <c r="AJ27" s="16">
        <v>1362</v>
      </c>
      <c r="AK27" s="16">
        <v>1430</v>
      </c>
      <c r="AL27" s="16">
        <v>1528</v>
      </c>
      <c r="AM27" s="16">
        <v>1508</v>
      </c>
      <c r="AN27" s="16">
        <v>1465</v>
      </c>
      <c r="AO27" s="16">
        <v>1495</v>
      </c>
      <c r="AP27" s="16">
        <v>1360</v>
      </c>
      <c r="AQ27" s="16">
        <v>1284</v>
      </c>
      <c r="AR27" s="16">
        <v>1225</v>
      </c>
      <c r="AS27" s="16">
        <v>1073</v>
      </c>
      <c r="AT27" s="16">
        <v>1015</v>
      </c>
      <c r="AU27" s="16">
        <v>760</v>
      </c>
      <c r="AV27" s="16">
        <v>856</v>
      </c>
      <c r="AW27" s="16">
        <v>720</v>
      </c>
      <c r="AX27" s="16">
        <v>698</v>
      </c>
      <c r="AY27" s="16">
        <v>666</v>
      </c>
      <c r="AZ27" s="16">
        <v>582</v>
      </c>
      <c r="BA27" s="16">
        <v>566</v>
      </c>
      <c r="BB27" s="16">
        <v>525</v>
      </c>
      <c r="BC27" s="16">
        <v>485</v>
      </c>
      <c r="BD27" s="16">
        <v>436</v>
      </c>
      <c r="BE27" s="16">
        <v>420</v>
      </c>
      <c r="BF27" s="16">
        <v>407</v>
      </c>
      <c r="BG27" s="16">
        <v>392</v>
      </c>
      <c r="BH27" s="16">
        <v>465</v>
      </c>
      <c r="BI27" s="16">
        <v>402</v>
      </c>
      <c r="BJ27" s="16">
        <v>376</v>
      </c>
      <c r="BK27" s="16">
        <v>410</v>
      </c>
      <c r="BL27" s="16">
        <v>413</v>
      </c>
      <c r="BM27" s="16">
        <v>417</v>
      </c>
      <c r="BN27" s="16">
        <v>351</v>
      </c>
      <c r="BO27" s="16">
        <v>167</v>
      </c>
      <c r="BP27" s="16">
        <v>175</v>
      </c>
      <c r="BQ27" s="16">
        <v>188</v>
      </c>
      <c r="BR27" s="16">
        <v>124</v>
      </c>
      <c r="BS27" s="16">
        <v>164</v>
      </c>
      <c r="BT27" s="16">
        <v>135</v>
      </c>
      <c r="BU27" s="16">
        <v>95</v>
      </c>
      <c r="BV27" s="16">
        <v>71</v>
      </c>
      <c r="BW27" s="16">
        <v>76</v>
      </c>
      <c r="BX27" s="16">
        <v>76</v>
      </c>
      <c r="BY27" s="16">
        <v>72</v>
      </c>
      <c r="BZ27" s="16">
        <v>56</v>
      </c>
      <c r="CA27" s="16">
        <v>64</v>
      </c>
      <c r="CB27" s="16">
        <v>54</v>
      </c>
      <c r="CC27" s="16">
        <v>52</v>
      </c>
      <c r="CD27" s="16">
        <v>31</v>
      </c>
      <c r="CE27" s="16">
        <v>34</v>
      </c>
      <c r="CF27" s="16">
        <v>31</v>
      </c>
      <c r="CG27" s="16">
        <v>19</v>
      </c>
      <c r="CH27" s="16">
        <v>30</v>
      </c>
      <c r="CI27" s="16">
        <v>14</v>
      </c>
      <c r="CJ27" s="16">
        <v>8</v>
      </c>
      <c r="CK27" s="16">
        <v>5</v>
      </c>
      <c r="CL27" s="16">
        <v>3</v>
      </c>
      <c r="CM27" s="16">
        <v>4</v>
      </c>
      <c r="CN27" s="16">
        <v>4</v>
      </c>
      <c r="CO27" s="16" t="s">
        <v>304</v>
      </c>
      <c r="CP27" s="16">
        <v>90187</v>
      </c>
      <c r="CQ27" s="16">
        <v>5385</v>
      </c>
      <c r="CR27" s="16">
        <v>1585</v>
      </c>
      <c r="CS27" s="16">
        <v>409</v>
      </c>
      <c r="CT27" s="16">
        <v>73057</v>
      </c>
      <c r="CU27" s="17">
        <v>34.173920000000003</v>
      </c>
    </row>
    <row r="28" spans="1:99" x14ac:dyDescent="0.15">
      <c r="A28" s="18" t="s">
        <v>196</v>
      </c>
      <c r="B28" s="18" t="s">
        <v>208</v>
      </c>
      <c r="C28" s="18" t="s">
        <v>153</v>
      </c>
      <c r="D28" s="18" t="s">
        <v>8</v>
      </c>
      <c r="E28" s="18" t="s">
        <v>3</v>
      </c>
      <c r="F28" s="18" t="s">
        <v>156</v>
      </c>
      <c r="G28" s="16">
        <v>207571</v>
      </c>
      <c r="H28" s="16" t="s">
        <v>304</v>
      </c>
      <c r="I28" s="16" t="s">
        <v>304</v>
      </c>
      <c r="J28" s="16">
        <v>4</v>
      </c>
      <c r="K28" s="16">
        <v>8</v>
      </c>
      <c r="L28" s="16">
        <v>27</v>
      </c>
      <c r="M28" s="16">
        <v>43</v>
      </c>
      <c r="N28" s="16">
        <v>94</v>
      </c>
      <c r="O28" s="16">
        <v>164</v>
      </c>
      <c r="P28" s="16">
        <v>244</v>
      </c>
      <c r="Q28" s="16">
        <v>398</v>
      </c>
      <c r="R28" s="16">
        <v>696</v>
      </c>
      <c r="S28" s="16">
        <v>940</v>
      </c>
      <c r="T28" s="16">
        <v>1199</v>
      </c>
      <c r="U28" s="16">
        <v>1364</v>
      </c>
      <c r="V28" s="16">
        <v>1655</v>
      </c>
      <c r="W28" s="16">
        <v>1934</v>
      </c>
      <c r="X28" s="16">
        <v>2003</v>
      </c>
      <c r="Y28" s="16">
        <v>2183</v>
      </c>
      <c r="Z28" s="16">
        <v>2286</v>
      </c>
      <c r="AA28" s="16">
        <v>2532</v>
      </c>
      <c r="AB28" s="16">
        <v>2754</v>
      </c>
      <c r="AC28" s="16">
        <v>2874</v>
      </c>
      <c r="AD28" s="16">
        <v>2946</v>
      </c>
      <c r="AE28" s="16">
        <v>3087</v>
      </c>
      <c r="AF28" s="16">
        <v>3027</v>
      </c>
      <c r="AG28" s="16">
        <v>3270</v>
      </c>
      <c r="AH28" s="16">
        <v>3498</v>
      </c>
      <c r="AI28" s="16">
        <v>3745</v>
      </c>
      <c r="AJ28" s="16">
        <v>3914</v>
      </c>
      <c r="AK28" s="16">
        <v>4145</v>
      </c>
      <c r="AL28" s="16">
        <v>4483</v>
      </c>
      <c r="AM28" s="16">
        <v>4746</v>
      </c>
      <c r="AN28" s="16">
        <v>4863</v>
      </c>
      <c r="AO28" s="16">
        <v>4702</v>
      </c>
      <c r="AP28" s="16">
        <v>4445</v>
      </c>
      <c r="AQ28" s="16">
        <v>4183</v>
      </c>
      <c r="AR28" s="16">
        <v>4073</v>
      </c>
      <c r="AS28" s="16">
        <v>4004</v>
      </c>
      <c r="AT28" s="16">
        <v>4016</v>
      </c>
      <c r="AU28" s="16">
        <v>3055</v>
      </c>
      <c r="AV28" s="16">
        <v>3863</v>
      </c>
      <c r="AW28" s="16">
        <v>3695</v>
      </c>
      <c r="AX28" s="16">
        <v>3768</v>
      </c>
      <c r="AY28" s="16">
        <v>3404</v>
      </c>
      <c r="AZ28" s="16">
        <v>3538</v>
      </c>
      <c r="BA28" s="16">
        <v>3619</v>
      </c>
      <c r="BB28" s="16">
        <v>3644</v>
      </c>
      <c r="BC28" s="16">
        <v>3532</v>
      </c>
      <c r="BD28" s="16">
        <v>3455</v>
      </c>
      <c r="BE28" s="16">
        <v>3635</v>
      </c>
      <c r="BF28" s="16">
        <v>4021</v>
      </c>
      <c r="BG28" s="16">
        <v>3844</v>
      </c>
      <c r="BH28" s="16">
        <v>4145</v>
      </c>
      <c r="BI28" s="16">
        <v>4147</v>
      </c>
      <c r="BJ28" s="16">
        <v>4291</v>
      </c>
      <c r="BK28" s="16">
        <v>4887</v>
      </c>
      <c r="BL28" s="16">
        <v>5289</v>
      </c>
      <c r="BM28" s="16">
        <v>5302</v>
      </c>
      <c r="BN28" s="16">
        <v>5653</v>
      </c>
      <c r="BO28" s="16">
        <v>2826</v>
      </c>
      <c r="BP28" s="16">
        <v>3088</v>
      </c>
      <c r="BQ28" s="16">
        <v>3800</v>
      </c>
      <c r="BR28" s="16">
        <v>3442</v>
      </c>
      <c r="BS28" s="16">
        <v>3490</v>
      </c>
      <c r="BT28" s="16">
        <v>2978</v>
      </c>
      <c r="BU28" s="16">
        <v>2579</v>
      </c>
      <c r="BV28" s="16">
        <v>2006</v>
      </c>
      <c r="BW28" s="16">
        <v>1956</v>
      </c>
      <c r="BX28" s="16">
        <v>1856</v>
      </c>
      <c r="BY28" s="16">
        <v>1770</v>
      </c>
      <c r="BZ28" s="16">
        <v>1295</v>
      </c>
      <c r="CA28" s="16">
        <v>1153</v>
      </c>
      <c r="CB28" s="16">
        <v>1014</v>
      </c>
      <c r="CC28" s="16">
        <v>742</v>
      </c>
      <c r="CD28" s="16">
        <v>646</v>
      </c>
      <c r="CE28" s="16">
        <v>474</v>
      </c>
      <c r="CF28" s="16">
        <v>371</v>
      </c>
      <c r="CG28" s="16">
        <v>260</v>
      </c>
      <c r="CH28" s="16">
        <v>180</v>
      </c>
      <c r="CI28" s="16">
        <v>132</v>
      </c>
      <c r="CJ28" s="16">
        <v>77</v>
      </c>
      <c r="CK28" s="16">
        <v>41</v>
      </c>
      <c r="CL28" s="16">
        <v>24</v>
      </c>
      <c r="CM28" s="16">
        <v>19</v>
      </c>
      <c r="CN28" s="16">
        <v>7</v>
      </c>
      <c r="CO28" s="16">
        <v>9</v>
      </c>
      <c r="CP28" s="16">
        <v>129757</v>
      </c>
      <c r="CQ28" s="16">
        <v>77814</v>
      </c>
      <c r="CR28" s="16">
        <v>33409</v>
      </c>
      <c r="CS28" s="16">
        <v>6444</v>
      </c>
      <c r="CT28" s="16">
        <v>150166</v>
      </c>
      <c r="CU28" s="17">
        <v>57.77346</v>
      </c>
    </row>
    <row r="29" spans="1:99" x14ac:dyDescent="0.15">
      <c r="A29" s="18" t="s">
        <v>196</v>
      </c>
      <c r="B29" s="18" t="s">
        <v>208</v>
      </c>
      <c r="C29" s="18" t="s">
        <v>153</v>
      </c>
      <c r="D29" s="18" t="s">
        <v>8</v>
      </c>
      <c r="E29" s="18" t="s">
        <v>3</v>
      </c>
      <c r="F29" s="18" t="s">
        <v>155</v>
      </c>
      <c r="G29" s="16">
        <v>36206</v>
      </c>
      <c r="H29" s="16" t="s">
        <v>304</v>
      </c>
      <c r="I29" s="16" t="s">
        <v>304</v>
      </c>
      <c r="J29" s="16" t="s">
        <v>304</v>
      </c>
      <c r="K29" s="16" t="s">
        <v>304</v>
      </c>
      <c r="L29" s="16" t="s">
        <v>304</v>
      </c>
      <c r="M29" s="16">
        <v>1</v>
      </c>
      <c r="N29" s="16">
        <v>2</v>
      </c>
      <c r="O29" s="16" t="s">
        <v>304</v>
      </c>
      <c r="P29" s="16">
        <v>1</v>
      </c>
      <c r="Q29" s="16" t="s">
        <v>304</v>
      </c>
      <c r="R29" s="16" t="s">
        <v>304</v>
      </c>
      <c r="S29" s="16">
        <v>2</v>
      </c>
      <c r="T29" s="16">
        <v>2</v>
      </c>
      <c r="U29" s="16" t="s">
        <v>304</v>
      </c>
      <c r="V29" s="16">
        <v>1</v>
      </c>
      <c r="W29" s="16">
        <v>1</v>
      </c>
      <c r="X29" s="16">
        <v>4</v>
      </c>
      <c r="Y29" s="16">
        <v>1</v>
      </c>
      <c r="Z29" s="16">
        <v>7</v>
      </c>
      <c r="AA29" s="16">
        <v>3</v>
      </c>
      <c r="AB29" s="16">
        <v>6</v>
      </c>
      <c r="AC29" s="16">
        <v>5</v>
      </c>
      <c r="AD29" s="16">
        <v>1</v>
      </c>
      <c r="AE29" s="16">
        <v>12</v>
      </c>
      <c r="AF29" s="16">
        <v>10</v>
      </c>
      <c r="AG29" s="16">
        <v>11</v>
      </c>
      <c r="AH29" s="16">
        <v>12</v>
      </c>
      <c r="AI29" s="16">
        <v>10</v>
      </c>
      <c r="AJ29" s="16">
        <v>15</v>
      </c>
      <c r="AK29" s="16">
        <v>23</v>
      </c>
      <c r="AL29" s="16">
        <v>38</v>
      </c>
      <c r="AM29" s="16">
        <v>34</v>
      </c>
      <c r="AN29" s="16">
        <v>37</v>
      </c>
      <c r="AO29" s="16">
        <v>44</v>
      </c>
      <c r="AP29" s="16">
        <v>57</v>
      </c>
      <c r="AQ29" s="16">
        <v>56</v>
      </c>
      <c r="AR29" s="16">
        <v>73</v>
      </c>
      <c r="AS29" s="16">
        <v>75</v>
      </c>
      <c r="AT29" s="16">
        <v>96</v>
      </c>
      <c r="AU29" s="16">
        <v>80</v>
      </c>
      <c r="AV29" s="16">
        <v>100</v>
      </c>
      <c r="AW29" s="16">
        <v>113</v>
      </c>
      <c r="AX29" s="16">
        <v>132</v>
      </c>
      <c r="AY29" s="16">
        <v>140</v>
      </c>
      <c r="AZ29" s="16">
        <v>169</v>
      </c>
      <c r="BA29" s="16">
        <v>176</v>
      </c>
      <c r="BB29" s="16">
        <v>196</v>
      </c>
      <c r="BC29" s="16">
        <v>232</v>
      </c>
      <c r="BD29" s="16">
        <v>223</v>
      </c>
      <c r="BE29" s="16">
        <v>267</v>
      </c>
      <c r="BF29" s="16">
        <v>337</v>
      </c>
      <c r="BG29" s="16">
        <v>357</v>
      </c>
      <c r="BH29" s="16">
        <v>428</v>
      </c>
      <c r="BI29" s="16">
        <v>488</v>
      </c>
      <c r="BJ29" s="16">
        <v>573</v>
      </c>
      <c r="BK29" s="16">
        <v>731</v>
      </c>
      <c r="BL29" s="16">
        <v>884</v>
      </c>
      <c r="BM29" s="16">
        <v>1037</v>
      </c>
      <c r="BN29" s="16">
        <v>1145</v>
      </c>
      <c r="BO29" s="16">
        <v>674</v>
      </c>
      <c r="BP29" s="16">
        <v>785</v>
      </c>
      <c r="BQ29" s="16">
        <v>1138</v>
      </c>
      <c r="BR29" s="16">
        <v>1155</v>
      </c>
      <c r="BS29" s="16">
        <v>1405</v>
      </c>
      <c r="BT29" s="16">
        <v>1407</v>
      </c>
      <c r="BU29" s="16">
        <v>1324</v>
      </c>
      <c r="BV29" s="16">
        <v>1131</v>
      </c>
      <c r="BW29" s="16">
        <v>1271</v>
      </c>
      <c r="BX29" s="16">
        <v>1446</v>
      </c>
      <c r="BY29" s="16">
        <v>1691</v>
      </c>
      <c r="BZ29" s="16">
        <v>1398</v>
      </c>
      <c r="CA29" s="16">
        <v>1546</v>
      </c>
      <c r="CB29" s="16">
        <v>1623</v>
      </c>
      <c r="CC29" s="16">
        <v>1505</v>
      </c>
      <c r="CD29" s="16">
        <v>1401</v>
      </c>
      <c r="CE29" s="16">
        <v>1205</v>
      </c>
      <c r="CF29" s="16">
        <v>1229</v>
      </c>
      <c r="CG29" s="16">
        <v>1019</v>
      </c>
      <c r="CH29" s="16">
        <v>785</v>
      </c>
      <c r="CI29" s="16">
        <v>672</v>
      </c>
      <c r="CJ29" s="16">
        <v>549</v>
      </c>
      <c r="CK29" s="16">
        <v>410</v>
      </c>
      <c r="CL29" s="16">
        <v>299</v>
      </c>
      <c r="CM29" s="16">
        <v>251</v>
      </c>
      <c r="CN29" s="16">
        <v>159</v>
      </c>
      <c r="CO29" s="16">
        <v>280</v>
      </c>
      <c r="CP29" s="16">
        <v>2468</v>
      </c>
      <c r="CQ29" s="16">
        <v>33738</v>
      </c>
      <c r="CR29" s="16">
        <v>27084</v>
      </c>
      <c r="CS29" s="16">
        <v>14331</v>
      </c>
      <c r="CT29" s="16">
        <v>4651</v>
      </c>
      <c r="CU29" s="17">
        <v>81.084540000000004</v>
      </c>
    </row>
    <row r="30" spans="1:99" x14ac:dyDescent="0.15">
      <c r="A30" s="18" t="s">
        <v>196</v>
      </c>
      <c r="B30" s="18" t="s">
        <v>208</v>
      </c>
      <c r="C30" s="18" t="s">
        <v>153</v>
      </c>
      <c r="D30" s="18" t="s">
        <v>8</v>
      </c>
      <c r="E30" s="18" t="s">
        <v>3</v>
      </c>
      <c r="F30" s="18" t="s">
        <v>154</v>
      </c>
      <c r="G30" s="16">
        <v>19659</v>
      </c>
      <c r="H30" s="16" t="s">
        <v>306</v>
      </c>
      <c r="I30" s="16" t="s">
        <v>304</v>
      </c>
      <c r="J30" s="16" t="s">
        <v>304</v>
      </c>
      <c r="K30" s="16">
        <v>1</v>
      </c>
      <c r="L30" s="16">
        <v>3</v>
      </c>
      <c r="M30" s="16">
        <v>6</v>
      </c>
      <c r="N30" s="16">
        <v>3</v>
      </c>
      <c r="O30" s="16">
        <v>11</v>
      </c>
      <c r="P30" s="16">
        <v>12</v>
      </c>
      <c r="Q30" s="16">
        <v>18</v>
      </c>
      <c r="R30" s="16">
        <v>32</v>
      </c>
      <c r="S30" s="16">
        <v>44</v>
      </c>
      <c r="T30" s="16">
        <v>50</v>
      </c>
      <c r="U30" s="16">
        <v>59</v>
      </c>
      <c r="V30" s="16">
        <v>53</v>
      </c>
      <c r="W30" s="16">
        <v>76</v>
      </c>
      <c r="X30" s="16">
        <v>106</v>
      </c>
      <c r="Y30" s="16">
        <v>100</v>
      </c>
      <c r="Z30" s="16">
        <v>122</v>
      </c>
      <c r="AA30" s="16">
        <v>148</v>
      </c>
      <c r="AB30" s="16">
        <v>163</v>
      </c>
      <c r="AC30" s="16">
        <v>185</v>
      </c>
      <c r="AD30" s="16">
        <v>196</v>
      </c>
      <c r="AE30" s="16">
        <v>219</v>
      </c>
      <c r="AF30" s="16">
        <v>238</v>
      </c>
      <c r="AG30" s="16">
        <v>248</v>
      </c>
      <c r="AH30" s="16">
        <v>282</v>
      </c>
      <c r="AI30" s="16">
        <v>353</v>
      </c>
      <c r="AJ30" s="16">
        <v>348</v>
      </c>
      <c r="AK30" s="16">
        <v>357</v>
      </c>
      <c r="AL30" s="16">
        <v>431</v>
      </c>
      <c r="AM30" s="16">
        <v>496</v>
      </c>
      <c r="AN30" s="16">
        <v>521</v>
      </c>
      <c r="AO30" s="16">
        <v>547</v>
      </c>
      <c r="AP30" s="16">
        <v>544</v>
      </c>
      <c r="AQ30" s="16">
        <v>537</v>
      </c>
      <c r="AR30" s="16">
        <v>574</v>
      </c>
      <c r="AS30" s="16">
        <v>541</v>
      </c>
      <c r="AT30" s="16">
        <v>506</v>
      </c>
      <c r="AU30" s="16">
        <v>412</v>
      </c>
      <c r="AV30" s="16">
        <v>518</v>
      </c>
      <c r="AW30" s="16">
        <v>493</v>
      </c>
      <c r="AX30" s="16">
        <v>467</v>
      </c>
      <c r="AY30" s="16">
        <v>388</v>
      </c>
      <c r="AZ30" s="16">
        <v>462</v>
      </c>
      <c r="BA30" s="16">
        <v>447</v>
      </c>
      <c r="BB30" s="16">
        <v>436</v>
      </c>
      <c r="BC30" s="16">
        <v>376</v>
      </c>
      <c r="BD30" s="16">
        <v>369</v>
      </c>
      <c r="BE30" s="16">
        <v>376</v>
      </c>
      <c r="BF30" s="16">
        <v>415</v>
      </c>
      <c r="BG30" s="16">
        <v>384</v>
      </c>
      <c r="BH30" s="16">
        <v>409</v>
      </c>
      <c r="BI30" s="16">
        <v>389</v>
      </c>
      <c r="BJ30" s="16">
        <v>459</v>
      </c>
      <c r="BK30" s="16">
        <v>481</v>
      </c>
      <c r="BL30" s="16">
        <v>532</v>
      </c>
      <c r="BM30" s="16">
        <v>531</v>
      </c>
      <c r="BN30" s="16">
        <v>513</v>
      </c>
      <c r="BO30" s="16">
        <v>259</v>
      </c>
      <c r="BP30" s="16">
        <v>219</v>
      </c>
      <c r="BQ30" s="16">
        <v>341</v>
      </c>
      <c r="BR30" s="16">
        <v>224</v>
      </c>
      <c r="BS30" s="16">
        <v>264</v>
      </c>
      <c r="BT30" s="16">
        <v>234</v>
      </c>
      <c r="BU30" s="16">
        <v>167</v>
      </c>
      <c r="BV30" s="16">
        <v>153</v>
      </c>
      <c r="BW30" s="16">
        <v>128</v>
      </c>
      <c r="BX30" s="16">
        <v>106</v>
      </c>
      <c r="BY30" s="16">
        <v>108</v>
      </c>
      <c r="BZ30" s="16">
        <v>79</v>
      </c>
      <c r="CA30" s="16">
        <v>84</v>
      </c>
      <c r="CB30" s="16">
        <v>68</v>
      </c>
      <c r="CC30" s="16">
        <v>47</v>
      </c>
      <c r="CD30" s="16">
        <v>43</v>
      </c>
      <c r="CE30" s="16">
        <v>28</v>
      </c>
      <c r="CF30" s="16">
        <v>36</v>
      </c>
      <c r="CG30" s="16">
        <v>28</v>
      </c>
      <c r="CH30" s="16">
        <v>11</v>
      </c>
      <c r="CI30" s="16">
        <v>15</v>
      </c>
      <c r="CJ30" s="16">
        <v>14</v>
      </c>
      <c r="CK30" s="16">
        <v>6</v>
      </c>
      <c r="CL30" s="16">
        <v>2</v>
      </c>
      <c r="CM30" s="16">
        <v>4</v>
      </c>
      <c r="CN30" s="16">
        <v>1</v>
      </c>
      <c r="CO30" s="16">
        <v>3</v>
      </c>
      <c r="CP30" s="16">
        <v>12874</v>
      </c>
      <c r="CQ30" s="16">
        <v>6785</v>
      </c>
      <c r="CR30" s="16">
        <v>2413</v>
      </c>
      <c r="CS30" s="16">
        <v>469</v>
      </c>
      <c r="CT30" s="16">
        <v>14926</v>
      </c>
      <c r="CU30" s="17">
        <v>58.36683</v>
      </c>
    </row>
    <row r="31" spans="1:99" x14ac:dyDescent="0.15">
      <c r="A31" s="18" t="s">
        <v>196</v>
      </c>
      <c r="B31" s="18" t="s">
        <v>208</v>
      </c>
      <c r="C31" s="18" t="s">
        <v>153</v>
      </c>
      <c r="D31" s="18" t="s">
        <v>8</v>
      </c>
      <c r="E31" s="18" t="s">
        <v>5</v>
      </c>
      <c r="F31" s="18" t="s">
        <v>3</v>
      </c>
      <c r="G31" s="16">
        <v>174309</v>
      </c>
      <c r="H31" s="16">
        <v>1918</v>
      </c>
      <c r="I31" s="16">
        <v>2012</v>
      </c>
      <c r="J31" s="16">
        <v>1925</v>
      </c>
      <c r="K31" s="16">
        <v>2102</v>
      </c>
      <c r="L31" s="16">
        <v>2168</v>
      </c>
      <c r="M31" s="16">
        <v>2227</v>
      </c>
      <c r="N31" s="16">
        <v>2138</v>
      </c>
      <c r="O31" s="16">
        <v>2169</v>
      </c>
      <c r="P31" s="16">
        <v>1972</v>
      </c>
      <c r="Q31" s="16">
        <v>1996</v>
      </c>
      <c r="R31" s="16">
        <v>2053</v>
      </c>
      <c r="S31" s="16">
        <v>1926</v>
      </c>
      <c r="T31" s="16">
        <v>1853</v>
      </c>
      <c r="U31" s="16">
        <v>1878</v>
      </c>
      <c r="V31" s="16">
        <v>1917</v>
      </c>
      <c r="W31" s="16">
        <v>2012</v>
      </c>
      <c r="X31" s="16">
        <v>2053</v>
      </c>
      <c r="Y31" s="16">
        <v>2069</v>
      </c>
      <c r="Z31" s="16">
        <v>2083</v>
      </c>
      <c r="AA31" s="16">
        <v>2162</v>
      </c>
      <c r="AB31" s="16">
        <v>2274</v>
      </c>
      <c r="AC31" s="16">
        <v>2326</v>
      </c>
      <c r="AD31" s="16">
        <v>2351</v>
      </c>
      <c r="AE31" s="16">
        <v>2385</v>
      </c>
      <c r="AF31" s="16">
        <v>2333</v>
      </c>
      <c r="AG31" s="16">
        <v>2472</v>
      </c>
      <c r="AH31" s="16">
        <v>2632</v>
      </c>
      <c r="AI31" s="16">
        <v>2918</v>
      </c>
      <c r="AJ31" s="16">
        <v>2901</v>
      </c>
      <c r="AK31" s="16">
        <v>3142</v>
      </c>
      <c r="AL31" s="16">
        <v>3286</v>
      </c>
      <c r="AM31" s="16">
        <v>3474</v>
      </c>
      <c r="AN31" s="16">
        <v>3533</v>
      </c>
      <c r="AO31" s="16">
        <v>3492</v>
      </c>
      <c r="AP31" s="16">
        <v>3282</v>
      </c>
      <c r="AQ31" s="16">
        <v>3179</v>
      </c>
      <c r="AR31" s="16">
        <v>3142</v>
      </c>
      <c r="AS31" s="16">
        <v>2866</v>
      </c>
      <c r="AT31" s="16">
        <v>2864</v>
      </c>
      <c r="AU31" s="16">
        <v>2148</v>
      </c>
      <c r="AV31" s="16">
        <v>2622</v>
      </c>
      <c r="AW31" s="16">
        <v>2531</v>
      </c>
      <c r="AX31" s="16">
        <v>2555</v>
      </c>
      <c r="AY31" s="16">
        <v>2329</v>
      </c>
      <c r="AZ31" s="16">
        <v>2292</v>
      </c>
      <c r="BA31" s="16">
        <v>2399</v>
      </c>
      <c r="BB31" s="16">
        <v>2362</v>
      </c>
      <c r="BC31" s="16">
        <v>2256</v>
      </c>
      <c r="BD31" s="16">
        <v>2212</v>
      </c>
      <c r="BE31" s="16">
        <v>2295</v>
      </c>
      <c r="BF31" s="16">
        <v>2505</v>
      </c>
      <c r="BG31" s="16">
        <v>2438</v>
      </c>
      <c r="BH31" s="16">
        <v>2586</v>
      </c>
      <c r="BI31" s="16">
        <v>2622</v>
      </c>
      <c r="BJ31" s="16">
        <v>2718</v>
      </c>
      <c r="BK31" s="16">
        <v>3058</v>
      </c>
      <c r="BL31" s="16">
        <v>3408</v>
      </c>
      <c r="BM31" s="16">
        <v>3427</v>
      </c>
      <c r="BN31" s="16">
        <v>3537</v>
      </c>
      <c r="BO31" s="16">
        <v>1811</v>
      </c>
      <c r="BP31" s="16">
        <v>1916</v>
      </c>
      <c r="BQ31" s="16">
        <v>2410</v>
      </c>
      <c r="BR31" s="16">
        <v>2175</v>
      </c>
      <c r="BS31" s="16">
        <v>2312</v>
      </c>
      <c r="BT31" s="16">
        <v>2081</v>
      </c>
      <c r="BU31" s="16">
        <v>1812</v>
      </c>
      <c r="BV31" s="16">
        <v>1430</v>
      </c>
      <c r="BW31" s="16">
        <v>1401</v>
      </c>
      <c r="BX31" s="16">
        <v>1379</v>
      </c>
      <c r="BY31" s="16">
        <v>1371</v>
      </c>
      <c r="BZ31" s="16">
        <v>1089</v>
      </c>
      <c r="CA31" s="16">
        <v>1014</v>
      </c>
      <c r="CB31" s="16">
        <v>890</v>
      </c>
      <c r="CC31" s="16">
        <v>686</v>
      </c>
      <c r="CD31" s="16">
        <v>654</v>
      </c>
      <c r="CE31" s="16">
        <v>512</v>
      </c>
      <c r="CF31" s="16">
        <v>435</v>
      </c>
      <c r="CG31" s="16">
        <v>346</v>
      </c>
      <c r="CH31" s="16">
        <v>245</v>
      </c>
      <c r="CI31" s="16">
        <v>197</v>
      </c>
      <c r="CJ31" s="16">
        <v>114</v>
      </c>
      <c r="CK31" s="16">
        <v>95</v>
      </c>
      <c r="CL31" s="16">
        <v>50</v>
      </c>
      <c r="CM31" s="16">
        <v>38</v>
      </c>
      <c r="CN31" s="16">
        <v>19</v>
      </c>
      <c r="CO31" s="16">
        <v>42</v>
      </c>
      <c r="CP31" s="16">
        <v>121486</v>
      </c>
      <c r="CQ31" s="16">
        <v>52823</v>
      </c>
      <c r="CR31" s="16">
        <v>24713</v>
      </c>
      <c r="CS31" s="16">
        <v>6426</v>
      </c>
      <c r="CT31" s="16">
        <v>124230</v>
      </c>
      <c r="CU31" s="17">
        <v>51.817369999999997</v>
      </c>
    </row>
    <row r="32" spans="1:99" x14ac:dyDescent="0.15">
      <c r="A32" s="18" t="s">
        <v>196</v>
      </c>
      <c r="B32" s="18" t="s">
        <v>208</v>
      </c>
      <c r="C32" s="18" t="s">
        <v>153</v>
      </c>
      <c r="D32" s="18" t="s">
        <v>8</v>
      </c>
      <c r="E32" s="18" t="s">
        <v>5</v>
      </c>
      <c r="F32" s="18" t="s">
        <v>157</v>
      </c>
      <c r="G32" s="16">
        <v>56634</v>
      </c>
      <c r="H32" s="16">
        <v>1918</v>
      </c>
      <c r="I32" s="16">
        <v>2012</v>
      </c>
      <c r="J32" s="16">
        <v>1924</v>
      </c>
      <c r="K32" s="16">
        <v>2097</v>
      </c>
      <c r="L32" s="16">
        <v>2154</v>
      </c>
      <c r="M32" s="16">
        <v>2208</v>
      </c>
      <c r="N32" s="16">
        <v>2095</v>
      </c>
      <c r="O32" s="16">
        <v>2098</v>
      </c>
      <c r="P32" s="16">
        <v>1886</v>
      </c>
      <c r="Q32" s="16">
        <v>1841</v>
      </c>
      <c r="R32" s="16">
        <v>1746</v>
      </c>
      <c r="S32" s="16">
        <v>1520</v>
      </c>
      <c r="T32" s="16">
        <v>1347</v>
      </c>
      <c r="U32" s="16">
        <v>1271</v>
      </c>
      <c r="V32" s="16">
        <v>1158</v>
      </c>
      <c r="W32" s="16">
        <v>1095</v>
      </c>
      <c r="X32" s="16">
        <v>1118</v>
      </c>
      <c r="Y32" s="16">
        <v>1024</v>
      </c>
      <c r="Z32" s="16">
        <v>1016</v>
      </c>
      <c r="AA32" s="16">
        <v>932</v>
      </c>
      <c r="AB32" s="16">
        <v>932</v>
      </c>
      <c r="AC32" s="16">
        <v>889</v>
      </c>
      <c r="AD32" s="16">
        <v>854</v>
      </c>
      <c r="AE32" s="16">
        <v>842</v>
      </c>
      <c r="AF32" s="16">
        <v>820</v>
      </c>
      <c r="AG32" s="16">
        <v>806</v>
      </c>
      <c r="AH32" s="16">
        <v>838</v>
      </c>
      <c r="AI32" s="16">
        <v>920</v>
      </c>
      <c r="AJ32" s="16">
        <v>862</v>
      </c>
      <c r="AK32" s="16">
        <v>951</v>
      </c>
      <c r="AL32" s="16">
        <v>965</v>
      </c>
      <c r="AM32" s="16">
        <v>964</v>
      </c>
      <c r="AN32" s="16">
        <v>926</v>
      </c>
      <c r="AO32" s="16">
        <v>980</v>
      </c>
      <c r="AP32" s="16">
        <v>886</v>
      </c>
      <c r="AQ32" s="16">
        <v>865</v>
      </c>
      <c r="AR32" s="16">
        <v>819</v>
      </c>
      <c r="AS32" s="16">
        <v>702</v>
      </c>
      <c r="AT32" s="16">
        <v>651</v>
      </c>
      <c r="AU32" s="16">
        <v>488</v>
      </c>
      <c r="AV32" s="16">
        <v>556</v>
      </c>
      <c r="AW32" s="16">
        <v>483</v>
      </c>
      <c r="AX32" s="16">
        <v>471</v>
      </c>
      <c r="AY32" s="16">
        <v>457</v>
      </c>
      <c r="AZ32" s="16">
        <v>385</v>
      </c>
      <c r="BA32" s="16">
        <v>389</v>
      </c>
      <c r="BB32" s="16">
        <v>364</v>
      </c>
      <c r="BC32" s="16">
        <v>343</v>
      </c>
      <c r="BD32" s="16">
        <v>308</v>
      </c>
      <c r="BE32" s="16">
        <v>290</v>
      </c>
      <c r="BF32" s="16">
        <v>290</v>
      </c>
      <c r="BG32" s="16">
        <v>286</v>
      </c>
      <c r="BH32" s="16">
        <v>342</v>
      </c>
      <c r="BI32" s="16">
        <v>302</v>
      </c>
      <c r="BJ32" s="16">
        <v>270</v>
      </c>
      <c r="BK32" s="16">
        <v>294</v>
      </c>
      <c r="BL32" s="16">
        <v>272</v>
      </c>
      <c r="BM32" s="16">
        <v>249</v>
      </c>
      <c r="BN32" s="16">
        <v>195</v>
      </c>
      <c r="BO32" s="16">
        <v>97</v>
      </c>
      <c r="BP32" s="16">
        <v>80</v>
      </c>
      <c r="BQ32" s="16">
        <v>98</v>
      </c>
      <c r="BR32" s="16">
        <v>63</v>
      </c>
      <c r="BS32" s="16">
        <v>80</v>
      </c>
      <c r="BT32" s="16">
        <v>56</v>
      </c>
      <c r="BU32" s="16">
        <v>38</v>
      </c>
      <c r="BV32" s="16">
        <v>17</v>
      </c>
      <c r="BW32" s="16">
        <v>21</v>
      </c>
      <c r="BX32" s="16">
        <v>18</v>
      </c>
      <c r="BY32" s="16">
        <v>21</v>
      </c>
      <c r="BZ32" s="16">
        <v>14</v>
      </c>
      <c r="CA32" s="16">
        <v>14</v>
      </c>
      <c r="CB32" s="16">
        <v>17</v>
      </c>
      <c r="CC32" s="16">
        <v>15</v>
      </c>
      <c r="CD32" s="16">
        <v>5</v>
      </c>
      <c r="CE32" s="16">
        <v>6</v>
      </c>
      <c r="CF32" s="16" t="s">
        <v>304</v>
      </c>
      <c r="CG32" s="16">
        <v>1</v>
      </c>
      <c r="CH32" s="16">
        <v>1</v>
      </c>
      <c r="CI32" s="16">
        <v>3</v>
      </c>
      <c r="CJ32" s="16">
        <v>1</v>
      </c>
      <c r="CK32" s="16">
        <v>2</v>
      </c>
      <c r="CL32" s="16" t="s">
        <v>304</v>
      </c>
      <c r="CM32" s="16" t="s">
        <v>304</v>
      </c>
      <c r="CN32" s="16" t="s">
        <v>304</v>
      </c>
      <c r="CO32" s="16" t="s">
        <v>304</v>
      </c>
      <c r="CP32" s="16">
        <v>53466</v>
      </c>
      <c r="CQ32" s="16">
        <v>3168</v>
      </c>
      <c r="CR32" s="16">
        <v>571</v>
      </c>
      <c r="CS32" s="16">
        <v>79</v>
      </c>
      <c r="CT32" s="16">
        <v>44851</v>
      </c>
      <c r="CU32" s="17">
        <v>35.102640000000001</v>
      </c>
    </row>
    <row r="33" spans="1:99" x14ac:dyDescent="0.15">
      <c r="A33" s="18" t="s">
        <v>196</v>
      </c>
      <c r="B33" s="18" t="s">
        <v>208</v>
      </c>
      <c r="C33" s="18" t="s">
        <v>153</v>
      </c>
      <c r="D33" s="18" t="s">
        <v>8</v>
      </c>
      <c r="E33" s="18" t="s">
        <v>5</v>
      </c>
      <c r="F33" s="18" t="s">
        <v>156</v>
      </c>
      <c r="G33" s="16">
        <v>104163</v>
      </c>
      <c r="H33" s="16" t="s">
        <v>304</v>
      </c>
      <c r="I33" s="16" t="s">
        <v>304</v>
      </c>
      <c r="J33" s="16">
        <v>1</v>
      </c>
      <c r="K33" s="16">
        <v>4</v>
      </c>
      <c r="L33" s="16">
        <v>13</v>
      </c>
      <c r="M33" s="16">
        <v>17</v>
      </c>
      <c r="N33" s="16">
        <v>40</v>
      </c>
      <c r="O33" s="16">
        <v>67</v>
      </c>
      <c r="P33" s="16">
        <v>85</v>
      </c>
      <c r="Q33" s="16">
        <v>149</v>
      </c>
      <c r="R33" s="16">
        <v>296</v>
      </c>
      <c r="S33" s="16">
        <v>395</v>
      </c>
      <c r="T33" s="16">
        <v>492</v>
      </c>
      <c r="U33" s="16">
        <v>584</v>
      </c>
      <c r="V33" s="16">
        <v>741</v>
      </c>
      <c r="W33" s="16">
        <v>895</v>
      </c>
      <c r="X33" s="16">
        <v>901</v>
      </c>
      <c r="Y33" s="16">
        <v>1008</v>
      </c>
      <c r="Z33" s="16">
        <v>1026</v>
      </c>
      <c r="AA33" s="16">
        <v>1172</v>
      </c>
      <c r="AB33" s="16">
        <v>1288</v>
      </c>
      <c r="AC33" s="16">
        <v>1377</v>
      </c>
      <c r="AD33" s="16">
        <v>1434</v>
      </c>
      <c r="AE33" s="16">
        <v>1448</v>
      </c>
      <c r="AF33" s="16">
        <v>1415</v>
      </c>
      <c r="AG33" s="16">
        <v>1566</v>
      </c>
      <c r="AH33" s="16">
        <v>1683</v>
      </c>
      <c r="AI33" s="16">
        <v>1847</v>
      </c>
      <c r="AJ33" s="16">
        <v>1907</v>
      </c>
      <c r="AK33" s="16">
        <v>2056</v>
      </c>
      <c r="AL33" s="16">
        <v>2144</v>
      </c>
      <c r="AM33" s="16">
        <v>2313</v>
      </c>
      <c r="AN33" s="16">
        <v>2420</v>
      </c>
      <c r="AO33" s="16">
        <v>2295</v>
      </c>
      <c r="AP33" s="16">
        <v>2170</v>
      </c>
      <c r="AQ33" s="16">
        <v>2086</v>
      </c>
      <c r="AR33" s="16">
        <v>2033</v>
      </c>
      <c r="AS33" s="16">
        <v>1927</v>
      </c>
      <c r="AT33" s="16">
        <v>1988</v>
      </c>
      <c r="AU33" s="16">
        <v>1463</v>
      </c>
      <c r="AV33" s="16">
        <v>1839</v>
      </c>
      <c r="AW33" s="16">
        <v>1817</v>
      </c>
      <c r="AX33" s="16">
        <v>1854</v>
      </c>
      <c r="AY33" s="16">
        <v>1683</v>
      </c>
      <c r="AZ33" s="16">
        <v>1693</v>
      </c>
      <c r="BA33" s="16">
        <v>1783</v>
      </c>
      <c r="BB33" s="16">
        <v>1753</v>
      </c>
      <c r="BC33" s="16">
        <v>1711</v>
      </c>
      <c r="BD33" s="16">
        <v>1674</v>
      </c>
      <c r="BE33" s="16">
        <v>1771</v>
      </c>
      <c r="BF33" s="16">
        <v>1973</v>
      </c>
      <c r="BG33" s="16">
        <v>1912</v>
      </c>
      <c r="BH33" s="16">
        <v>1959</v>
      </c>
      <c r="BI33" s="16">
        <v>2054</v>
      </c>
      <c r="BJ33" s="16">
        <v>2125</v>
      </c>
      <c r="BK33" s="16">
        <v>2420</v>
      </c>
      <c r="BL33" s="16">
        <v>2722</v>
      </c>
      <c r="BM33" s="16">
        <v>2733</v>
      </c>
      <c r="BN33" s="16">
        <v>2914</v>
      </c>
      <c r="BO33" s="16">
        <v>1477</v>
      </c>
      <c r="BP33" s="16">
        <v>1630</v>
      </c>
      <c r="BQ33" s="16">
        <v>2003</v>
      </c>
      <c r="BR33" s="16">
        <v>1843</v>
      </c>
      <c r="BS33" s="16">
        <v>1925</v>
      </c>
      <c r="BT33" s="16">
        <v>1707</v>
      </c>
      <c r="BU33" s="16">
        <v>1507</v>
      </c>
      <c r="BV33" s="16">
        <v>1204</v>
      </c>
      <c r="BW33" s="16">
        <v>1123</v>
      </c>
      <c r="BX33" s="16">
        <v>1111</v>
      </c>
      <c r="BY33" s="16">
        <v>1119</v>
      </c>
      <c r="BZ33" s="16">
        <v>829</v>
      </c>
      <c r="CA33" s="16">
        <v>770</v>
      </c>
      <c r="CB33" s="16">
        <v>656</v>
      </c>
      <c r="CC33" s="16">
        <v>478</v>
      </c>
      <c r="CD33" s="16">
        <v>455</v>
      </c>
      <c r="CE33" s="16">
        <v>342</v>
      </c>
      <c r="CF33" s="16">
        <v>265</v>
      </c>
      <c r="CG33" s="16">
        <v>200</v>
      </c>
      <c r="CH33" s="16">
        <v>138</v>
      </c>
      <c r="CI33" s="16">
        <v>109</v>
      </c>
      <c r="CJ33" s="16">
        <v>54</v>
      </c>
      <c r="CK33" s="16">
        <v>31</v>
      </c>
      <c r="CL33" s="16">
        <v>19</v>
      </c>
      <c r="CM33" s="16">
        <v>18</v>
      </c>
      <c r="CN33" s="16">
        <v>6</v>
      </c>
      <c r="CO33" s="16">
        <v>8</v>
      </c>
      <c r="CP33" s="16">
        <v>62324</v>
      </c>
      <c r="CQ33" s="16">
        <v>41839</v>
      </c>
      <c r="CR33" s="16">
        <v>19550</v>
      </c>
      <c r="CS33" s="16">
        <v>4378</v>
      </c>
      <c r="CT33" s="16">
        <v>72329</v>
      </c>
      <c r="CU33" s="17">
        <v>58.920160000000003</v>
      </c>
    </row>
    <row r="34" spans="1:99" x14ac:dyDescent="0.15">
      <c r="A34" s="18" t="s">
        <v>196</v>
      </c>
      <c r="B34" s="18" t="s">
        <v>208</v>
      </c>
      <c r="C34" s="18" t="s">
        <v>153</v>
      </c>
      <c r="D34" s="18" t="s">
        <v>8</v>
      </c>
      <c r="E34" s="18" t="s">
        <v>5</v>
      </c>
      <c r="F34" s="18" t="s">
        <v>155</v>
      </c>
      <c r="G34" s="16">
        <v>5696</v>
      </c>
      <c r="H34" s="16" t="s">
        <v>304</v>
      </c>
      <c r="I34" s="16" t="s">
        <v>304</v>
      </c>
      <c r="J34" s="16" t="s">
        <v>304</v>
      </c>
      <c r="K34" s="16" t="s">
        <v>304</v>
      </c>
      <c r="L34" s="16" t="s">
        <v>305</v>
      </c>
      <c r="M34" s="16" t="s">
        <v>304</v>
      </c>
      <c r="N34" s="16">
        <v>2</v>
      </c>
      <c r="O34" s="16" t="s">
        <v>304</v>
      </c>
      <c r="P34" s="16" t="s">
        <v>304</v>
      </c>
      <c r="Q34" s="16" t="s">
        <v>306</v>
      </c>
      <c r="R34" s="16" t="s">
        <v>304</v>
      </c>
      <c r="S34" s="16" t="s">
        <v>304</v>
      </c>
      <c r="T34" s="16" t="s">
        <v>304</v>
      </c>
      <c r="U34" s="16" t="s">
        <v>305</v>
      </c>
      <c r="V34" s="16" t="s">
        <v>304</v>
      </c>
      <c r="W34" s="16">
        <v>1</v>
      </c>
      <c r="X34" s="16">
        <v>1</v>
      </c>
      <c r="Y34" s="16" t="s">
        <v>304</v>
      </c>
      <c r="Z34" s="16">
        <v>1</v>
      </c>
      <c r="AA34" s="16">
        <v>1</v>
      </c>
      <c r="AB34" s="16">
        <v>2</v>
      </c>
      <c r="AC34" s="16">
        <v>1</v>
      </c>
      <c r="AD34" s="16" t="s">
        <v>304</v>
      </c>
      <c r="AE34" s="16">
        <v>2</v>
      </c>
      <c r="AF34" s="16">
        <v>2</v>
      </c>
      <c r="AG34" s="16">
        <v>3</v>
      </c>
      <c r="AH34" s="16">
        <v>1</v>
      </c>
      <c r="AI34" s="16">
        <v>3</v>
      </c>
      <c r="AJ34" s="16">
        <v>3</v>
      </c>
      <c r="AK34" s="16">
        <v>3</v>
      </c>
      <c r="AL34" s="16">
        <v>12</v>
      </c>
      <c r="AM34" s="16">
        <v>8</v>
      </c>
      <c r="AN34" s="16">
        <v>3</v>
      </c>
      <c r="AO34" s="16">
        <v>9</v>
      </c>
      <c r="AP34" s="16">
        <v>15</v>
      </c>
      <c r="AQ34" s="16">
        <v>15</v>
      </c>
      <c r="AR34" s="16">
        <v>14</v>
      </c>
      <c r="AS34" s="16">
        <v>14</v>
      </c>
      <c r="AT34" s="16">
        <v>17</v>
      </c>
      <c r="AU34" s="16">
        <v>27</v>
      </c>
      <c r="AV34" s="16">
        <v>16</v>
      </c>
      <c r="AW34" s="16">
        <v>29</v>
      </c>
      <c r="AX34" s="16">
        <v>29</v>
      </c>
      <c r="AY34" s="16">
        <v>31</v>
      </c>
      <c r="AZ34" s="16">
        <v>26</v>
      </c>
      <c r="BA34" s="16">
        <v>36</v>
      </c>
      <c r="BB34" s="16">
        <v>49</v>
      </c>
      <c r="BC34" s="16">
        <v>42</v>
      </c>
      <c r="BD34" s="16">
        <v>55</v>
      </c>
      <c r="BE34" s="16">
        <v>53</v>
      </c>
      <c r="BF34" s="16">
        <v>68</v>
      </c>
      <c r="BG34" s="16">
        <v>78</v>
      </c>
      <c r="BH34" s="16">
        <v>95</v>
      </c>
      <c r="BI34" s="16">
        <v>106</v>
      </c>
      <c r="BJ34" s="16">
        <v>128</v>
      </c>
      <c r="BK34" s="16">
        <v>136</v>
      </c>
      <c r="BL34" s="16">
        <v>174</v>
      </c>
      <c r="BM34" s="16">
        <v>235</v>
      </c>
      <c r="BN34" s="16">
        <v>209</v>
      </c>
      <c r="BO34" s="16">
        <v>130</v>
      </c>
      <c r="BP34" s="16">
        <v>136</v>
      </c>
      <c r="BQ34" s="16">
        <v>169</v>
      </c>
      <c r="BR34" s="16">
        <v>195</v>
      </c>
      <c r="BS34" s="16">
        <v>206</v>
      </c>
      <c r="BT34" s="16">
        <v>225</v>
      </c>
      <c r="BU34" s="16">
        <v>205</v>
      </c>
      <c r="BV34" s="16">
        <v>165</v>
      </c>
      <c r="BW34" s="16">
        <v>204</v>
      </c>
      <c r="BX34" s="16">
        <v>211</v>
      </c>
      <c r="BY34" s="16">
        <v>208</v>
      </c>
      <c r="BZ34" s="16">
        <v>239</v>
      </c>
      <c r="CA34" s="16">
        <v>207</v>
      </c>
      <c r="CB34" s="16">
        <v>204</v>
      </c>
      <c r="CC34" s="16">
        <v>183</v>
      </c>
      <c r="CD34" s="16">
        <v>186</v>
      </c>
      <c r="CE34" s="16">
        <v>158</v>
      </c>
      <c r="CF34" s="16">
        <v>160</v>
      </c>
      <c r="CG34" s="16">
        <v>143</v>
      </c>
      <c r="CH34" s="16">
        <v>105</v>
      </c>
      <c r="CI34" s="16">
        <v>83</v>
      </c>
      <c r="CJ34" s="16">
        <v>59</v>
      </c>
      <c r="CK34" s="16">
        <v>62</v>
      </c>
      <c r="CL34" s="16">
        <v>31</v>
      </c>
      <c r="CM34" s="16">
        <v>20</v>
      </c>
      <c r="CN34" s="16">
        <v>13</v>
      </c>
      <c r="CO34" s="16">
        <v>34</v>
      </c>
      <c r="CP34" s="16">
        <v>526</v>
      </c>
      <c r="CQ34" s="16">
        <v>5170</v>
      </c>
      <c r="CR34" s="16">
        <v>3811</v>
      </c>
      <c r="CS34" s="16">
        <v>1887</v>
      </c>
      <c r="CT34" s="16">
        <v>1001</v>
      </c>
      <c r="CU34" s="17">
        <v>79.180130000000005</v>
      </c>
    </row>
    <row r="35" spans="1:99" x14ac:dyDescent="0.15">
      <c r="A35" s="18" t="s">
        <v>196</v>
      </c>
      <c r="B35" s="18" t="s">
        <v>208</v>
      </c>
      <c r="C35" s="18" t="s">
        <v>153</v>
      </c>
      <c r="D35" s="18" t="s">
        <v>8</v>
      </c>
      <c r="E35" s="18" t="s">
        <v>5</v>
      </c>
      <c r="F35" s="18" t="s">
        <v>154</v>
      </c>
      <c r="G35" s="16">
        <v>7816</v>
      </c>
      <c r="H35" s="16" t="s">
        <v>305</v>
      </c>
      <c r="I35" s="16" t="s">
        <v>305</v>
      </c>
      <c r="J35" s="16" t="s">
        <v>304</v>
      </c>
      <c r="K35" s="16">
        <v>1</v>
      </c>
      <c r="L35" s="16">
        <v>1</v>
      </c>
      <c r="M35" s="16">
        <v>2</v>
      </c>
      <c r="N35" s="16">
        <v>1</v>
      </c>
      <c r="O35" s="16">
        <v>4</v>
      </c>
      <c r="P35" s="16">
        <v>1</v>
      </c>
      <c r="Q35" s="16">
        <v>6</v>
      </c>
      <c r="R35" s="16">
        <v>11</v>
      </c>
      <c r="S35" s="16">
        <v>11</v>
      </c>
      <c r="T35" s="16">
        <v>14</v>
      </c>
      <c r="U35" s="16">
        <v>23</v>
      </c>
      <c r="V35" s="16">
        <v>18</v>
      </c>
      <c r="W35" s="16">
        <v>21</v>
      </c>
      <c r="X35" s="16">
        <v>33</v>
      </c>
      <c r="Y35" s="16">
        <v>37</v>
      </c>
      <c r="Z35" s="16">
        <v>40</v>
      </c>
      <c r="AA35" s="16">
        <v>57</v>
      </c>
      <c r="AB35" s="16">
        <v>52</v>
      </c>
      <c r="AC35" s="16">
        <v>59</v>
      </c>
      <c r="AD35" s="16">
        <v>63</v>
      </c>
      <c r="AE35" s="16">
        <v>93</v>
      </c>
      <c r="AF35" s="16">
        <v>96</v>
      </c>
      <c r="AG35" s="16">
        <v>97</v>
      </c>
      <c r="AH35" s="16">
        <v>110</v>
      </c>
      <c r="AI35" s="16">
        <v>148</v>
      </c>
      <c r="AJ35" s="16">
        <v>129</v>
      </c>
      <c r="AK35" s="16">
        <v>132</v>
      </c>
      <c r="AL35" s="16">
        <v>165</v>
      </c>
      <c r="AM35" s="16">
        <v>189</v>
      </c>
      <c r="AN35" s="16">
        <v>184</v>
      </c>
      <c r="AO35" s="16">
        <v>208</v>
      </c>
      <c r="AP35" s="16">
        <v>211</v>
      </c>
      <c r="AQ35" s="16">
        <v>213</v>
      </c>
      <c r="AR35" s="16">
        <v>276</v>
      </c>
      <c r="AS35" s="16">
        <v>223</v>
      </c>
      <c r="AT35" s="16">
        <v>208</v>
      </c>
      <c r="AU35" s="16">
        <v>170</v>
      </c>
      <c r="AV35" s="16">
        <v>211</v>
      </c>
      <c r="AW35" s="16">
        <v>202</v>
      </c>
      <c r="AX35" s="16">
        <v>201</v>
      </c>
      <c r="AY35" s="16">
        <v>158</v>
      </c>
      <c r="AZ35" s="16">
        <v>188</v>
      </c>
      <c r="BA35" s="16">
        <v>191</v>
      </c>
      <c r="BB35" s="16">
        <v>196</v>
      </c>
      <c r="BC35" s="16">
        <v>160</v>
      </c>
      <c r="BD35" s="16">
        <v>175</v>
      </c>
      <c r="BE35" s="16">
        <v>181</v>
      </c>
      <c r="BF35" s="16">
        <v>174</v>
      </c>
      <c r="BG35" s="16">
        <v>162</v>
      </c>
      <c r="BH35" s="16">
        <v>190</v>
      </c>
      <c r="BI35" s="16">
        <v>160</v>
      </c>
      <c r="BJ35" s="16">
        <v>195</v>
      </c>
      <c r="BK35" s="16">
        <v>208</v>
      </c>
      <c r="BL35" s="16">
        <v>240</v>
      </c>
      <c r="BM35" s="16">
        <v>210</v>
      </c>
      <c r="BN35" s="16">
        <v>219</v>
      </c>
      <c r="BO35" s="16">
        <v>107</v>
      </c>
      <c r="BP35" s="16">
        <v>70</v>
      </c>
      <c r="BQ35" s="16">
        <v>140</v>
      </c>
      <c r="BR35" s="16">
        <v>74</v>
      </c>
      <c r="BS35" s="16">
        <v>101</v>
      </c>
      <c r="BT35" s="16">
        <v>93</v>
      </c>
      <c r="BU35" s="16">
        <v>62</v>
      </c>
      <c r="BV35" s="16">
        <v>44</v>
      </c>
      <c r="BW35" s="16">
        <v>53</v>
      </c>
      <c r="BX35" s="16">
        <v>39</v>
      </c>
      <c r="BY35" s="16">
        <v>23</v>
      </c>
      <c r="BZ35" s="16">
        <v>7</v>
      </c>
      <c r="CA35" s="16">
        <v>23</v>
      </c>
      <c r="CB35" s="16">
        <v>13</v>
      </c>
      <c r="CC35" s="16">
        <v>10</v>
      </c>
      <c r="CD35" s="16">
        <v>8</v>
      </c>
      <c r="CE35" s="16">
        <v>6</v>
      </c>
      <c r="CF35" s="16">
        <v>10</v>
      </c>
      <c r="CG35" s="16">
        <v>2</v>
      </c>
      <c r="CH35" s="16">
        <v>1</v>
      </c>
      <c r="CI35" s="16">
        <v>2</v>
      </c>
      <c r="CJ35" s="16" t="s">
        <v>304</v>
      </c>
      <c r="CK35" s="16" t="s">
        <v>304</v>
      </c>
      <c r="CL35" s="16" t="s">
        <v>304</v>
      </c>
      <c r="CM35" s="16" t="s">
        <v>305</v>
      </c>
      <c r="CN35" s="16" t="s">
        <v>304</v>
      </c>
      <c r="CO35" s="16" t="s">
        <v>304</v>
      </c>
      <c r="CP35" s="16">
        <v>5170</v>
      </c>
      <c r="CQ35" s="16">
        <v>2646</v>
      </c>
      <c r="CR35" s="16">
        <v>781</v>
      </c>
      <c r="CS35" s="16">
        <v>82</v>
      </c>
      <c r="CT35" s="16">
        <v>6049</v>
      </c>
      <c r="CU35" s="17">
        <v>58.331760000000003</v>
      </c>
    </row>
    <row r="36" spans="1:99" x14ac:dyDescent="0.15">
      <c r="A36" s="18" t="s">
        <v>196</v>
      </c>
      <c r="B36" s="18" t="s">
        <v>208</v>
      </c>
      <c r="C36" s="18" t="s">
        <v>153</v>
      </c>
      <c r="D36" s="18" t="s">
        <v>8</v>
      </c>
      <c r="E36" s="18" t="s">
        <v>4</v>
      </c>
      <c r="F36" s="18" t="s">
        <v>3</v>
      </c>
      <c r="G36" s="16">
        <v>184699</v>
      </c>
      <c r="H36" s="16">
        <v>1681</v>
      </c>
      <c r="I36" s="16">
        <v>1905</v>
      </c>
      <c r="J36" s="16">
        <v>1841</v>
      </c>
      <c r="K36" s="16">
        <v>1866</v>
      </c>
      <c r="L36" s="16">
        <v>1797</v>
      </c>
      <c r="M36" s="16">
        <v>1778</v>
      </c>
      <c r="N36" s="16">
        <v>1848</v>
      </c>
      <c r="O36" s="16">
        <v>1753</v>
      </c>
      <c r="P36" s="16">
        <v>1680</v>
      </c>
      <c r="Q36" s="16">
        <v>1722</v>
      </c>
      <c r="R36" s="16">
        <v>1823</v>
      </c>
      <c r="S36" s="16">
        <v>1726</v>
      </c>
      <c r="T36" s="16">
        <v>1743</v>
      </c>
      <c r="U36" s="16">
        <v>1713</v>
      </c>
      <c r="V36" s="16">
        <v>1699</v>
      </c>
      <c r="W36" s="16">
        <v>1781</v>
      </c>
      <c r="X36" s="16">
        <v>1847</v>
      </c>
      <c r="Y36" s="16">
        <v>1818</v>
      </c>
      <c r="Z36" s="16">
        <v>1960</v>
      </c>
      <c r="AA36" s="16">
        <v>2040</v>
      </c>
      <c r="AB36" s="16">
        <v>2138</v>
      </c>
      <c r="AC36" s="16">
        <v>2123</v>
      </c>
      <c r="AD36" s="16">
        <v>2087</v>
      </c>
      <c r="AE36" s="16">
        <v>2221</v>
      </c>
      <c r="AF36" s="16">
        <v>2226</v>
      </c>
      <c r="AG36" s="16">
        <v>2321</v>
      </c>
      <c r="AH36" s="16">
        <v>2471</v>
      </c>
      <c r="AI36" s="16">
        <v>2591</v>
      </c>
      <c r="AJ36" s="16">
        <v>2738</v>
      </c>
      <c r="AK36" s="16">
        <v>2813</v>
      </c>
      <c r="AL36" s="16">
        <v>3194</v>
      </c>
      <c r="AM36" s="16">
        <v>3310</v>
      </c>
      <c r="AN36" s="16">
        <v>3353</v>
      </c>
      <c r="AO36" s="16">
        <v>3296</v>
      </c>
      <c r="AP36" s="16">
        <v>3124</v>
      </c>
      <c r="AQ36" s="16">
        <v>2881</v>
      </c>
      <c r="AR36" s="16">
        <v>2803</v>
      </c>
      <c r="AS36" s="16">
        <v>2827</v>
      </c>
      <c r="AT36" s="16">
        <v>2769</v>
      </c>
      <c r="AU36" s="16">
        <v>2159</v>
      </c>
      <c r="AV36" s="16">
        <v>2715</v>
      </c>
      <c r="AW36" s="16">
        <v>2490</v>
      </c>
      <c r="AX36" s="16">
        <v>2510</v>
      </c>
      <c r="AY36" s="16">
        <v>2269</v>
      </c>
      <c r="AZ36" s="16">
        <v>2459</v>
      </c>
      <c r="BA36" s="16">
        <v>2409</v>
      </c>
      <c r="BB36" s="16">
        <v>2439</v>
      </c>
      <c r="BC36" s="16">
        <v>2369</v>
      </c>
      <c r="BD36" s="16">
        <v>2271</v>
      </c>
      <c r="BE36" s="16">
        <v>2403</v>
      </c>
      <c r="BF36" s="16">
        <v>2675</v>
      </c>
      <c r="BG36" s="16">
        <v>2539</v>
      </c>
      <c r="BH36" s="16">
        <v>2861</v>
      </c>
      <c r="BI36" s="16">
        <v>2804</v>
      </c>
      <c r="BJ36" s="16">
        <v>2981</v>
      </c>
      <c r="BK36" s="16">
        <v>3451</v>
      </c>
      <c r="BL36" s="16">
        <v>3710</v>
      </c>
      <c r="BM36" s="16">
        <v>3860</v>
      </c>
      <c r="BN36" s="16">
        <v>4125</v>
      </c>
      <c r="BO36" s="16">
        <v>2115</v>
      </c>
      <c r="BP36" s="16">
        <v>2351</v>
      </c>
      <c r="BQ36" s="16">
        <v>3057</v>
      </c>
      <c r="BR36" s="16">
        <v>2770</v>
      </c>
      <c r="BS36" s="16">
        <v>3011</v>
      </c>
      <c r="BT36" s="16">
        <v>2673</v>
      </c>
      <c r="BU36" s="16">
        <v>2353</v>
      </c>
      <c r="BV36" s="16">
        <v>1931</v>
      </c>
      <c r="BW36" s="16">
        <v>2030</v>
      </c>
      <c r="BX36" s="16">
        <v>2105</v>
      </c>
      <c r="BY36" s="16">
        <v>2270</v>
      </c>
      <c r="BZ36" s="16">
        <v>1739</v>
      </c>
      <c r="CA36" s="16">
        <v>1833</v>
      </c>
      <c r="CB36" s="16">
        <v>1869</v>
      </c>
      <c r="CC36" s="16">
        <v>1660</v>
      </c>
      <c r="CD36" s="16">
        <v>1467</v>
      </c>
      <c r="CE36" s="16">
        <v>1229</v>
      </c>
      <c r="CF36" s="16">
        <v>1232</v>
      </c>
      <c r="CG36" s="16">
        <v>980</v>
      </c>
      <c r="CH36" s="16">
        <v>761</v>
      </c>
      <c r="CI36" s="16">
        <v>636</v>
      </c>
      <c r="CJ36" s="16">
        <v>534</v>
      </c>
      <c r="CK36" s="16">
        <v>367</v>
      </c>
      <c r="CL36" s="16">
        <v>278</v>
      </c>
      <c r="CM36" s="16">
        <v>240</v>
      </c>
      <c r="CN36" s="16">
        <v>152</v>
      </c>
      <c r="CO36" s="16">
        <v>250</v>
      </c>
      <c r="CP36" s="16">
        <v>113800</v>
      </c>
      <c r="CQ36" s="16">
        <v>70899</v>
      </c>
      <c r="CR36" s="16">
        <v>39778</v>
      </c>
      <c r="CS36" s="16">
        <v>15227</v>
      </c>
      <c r="CT36" s="16">
        <v>118570</v>
      </c>
      <c r="CU36" s="17">
        <v>55.815739999999998</v>
      </c>
    </row>
    <row r="37" spans="1:99" x14ac:dyDescent="0.15">
      <c r="A37" s="18" t="s">
        <v>196</v>
      </c>
      <c r="B37" s="18" t="s">
        <v>208</v>
      </c>
      <c r="C37" s="18" t="s">
        <v>153</v>
      </c>
      <c r="D37" s="18" t="s">
        <v>8</v>
      </c>
      <c r="E37" s="18" t="s">
        <v>4</v>
      </c>
      <c r="F37" s="18" t="s">
        <v>157</v>
      </c>
      <c r="G37" s="16">
        <v>38938</v>
      </c>
      <c r="H37" s="16">
        <v>1681</v>
      </c>
      <c r="I37" s="16">
        <v>1905</v>
      </c>
      <c r="J37" s="16">
        <v>1838</v>
      </c>
      <c r="K37" s="16">
        <v>1862</v>
      </c>
      <c r="L37" s="16">
        <v>1781</v>
      </c>
      <c r="M37" s="16">
        <v>1747</v>
      </c>
      <c r="N37" s="16">
        <v>1792</v>
      </c>
      <c r="O37" s="16">
        <v>1649</v>
      </c>
      <c r="P37" s="16">
        <v>1509</v>
      </c>
      <c r="Q37" s="16">
        <v>1461</v>
      </c>
      <c r="R37" s="16">
        <v>1402</v>
      </c>
      <c r="S37" s="16">
        <v>1146</v>
      </c>
      <c r="T37" s="16">
        <v>998</v>
      </c>
      <c r="U37" s="16">
        <v>897</v>
      </c>
      <c r="V37" s="16">
        <v>749</v>
      </c>
      <c r="W37" s="16">
        <v>687</v>
      </c>
      <c r="X37" s="16">
        <v>669</v>
      </c>
      <c r="Y37" s="16">
        <v>579</v>
      </c>
      <c r="Z37" s="16">
        <v>612</v>
      </c>
      <c r="AA37" s="16">
        <v>587</v>
      </c>
      <c r="AB37" s="16">
        <v>557</v>
      </c>
      <c r="AC37" s="16">
        <v>496</v>
      </c>
      <c r="AD37" s="16">
        <v>441</v>
      </c>
      <c r="AE37" s="16">
        <v>446</v>
      </c>
      <c r="AF37" s="16">
        <v>464</v>
      </c>
      <c r="AG37" s="16">
        <v>458</v>
      </c>
      <c r="AH37" s="16">
        <v>473</v>
      </c>
      <c r="AI37" s="16">
        <v>481</v>
      </c>
      <c r="AJ37" s="16">
        <v>500</v>
      </c>
      <c r="AK37" s="16">
        <v>479</v>
      </c>
      <c r="AL37" s="16">
        <v>563</v>
      </c>
      <c r="AM37" s="16">
        <v>544</v>
      </c>
      <c r="AN37" s="16">
        <v>539</v>
      </c>
      <c r="AO37" s="16">
        <v>515</v>
      </c>
      <c r="AP37" s="16">
        <v>474</v>
      </c>
      <c r="AQ37" s="16">
        <v>419</v>
      </c>
      <c r="AR37" s="16">
        <v>406</v>
      </c>
      <c r="AS37" s="16">
        <v>371</v>
      </c>
      <c r="AT37" s="16">
        <v>364</v>
      </c>
      <c r="AU37" s="16">
        <v>272</v>
      </c>
      <c r="AV37" s="16">
        <v>300</v>
      </c>
      <c r="AW37" s="16">
        <v>237</v>
      </c>
      <c r="AX37" s="16">
        <v>227</v>
      </c>
      <c r="AY37" s="16">
        <v>209</v>
      </c>
      <c r="AZ37" s="16">
        <v>197</v>
      </c>
      <c r="BA37" s="16">
        <v>177</v>
      </c>
      <c r="BB37" s="16">
        <v>161</v>
      </c>
      <c r="BC37" s="16">
        <v>142</v>
      </c>
      <c r="BD37" s="16">
        <v>128</v>
      </c>
      <c r="BE37" s="16">
        <v>130</v>
      </c>
      <c r="BF37" s="16">
        <v>117</v>
      </c>
      <c r="BG37" s="16">
        <v>106</v>
      </c>
      <c r="BH37" s="16">
        <v>123</v>
      </c>
      <c r="BI37" s="16">
        <v>100</v>
      </c>
      <c r="BJ37" s="16">
        <v>106</v>
      </c>
      <c r="BK37" s="16">
        <v>116</v>
      </c>
      <c r="BL37" s="16">
        <v>141</v>
      </c>
      <c r="BM37" s="16">
        <v>168</v>
      </c>
      <c r="BN37" s="16">
        <v>156</v>
      </c>
      <c r="BO37" s="16">
        <v>70</v>
      </c>
      <c r="BP37" s="16">
        <v>95</v>
      </c>
      <c r="BQ37" s="16">
        <v>90</v>
      </c>
      <c r="BR37" s="16">
        <v>61</v>
      </c>
      <c r="BS37" s="16">
        <v>84</v>
      </c>
      <c r="BT37" s="16">
        <v>79</v>
      </c>
      <c r="BU37" s="16">
        <v>57</v>
      </c>
      <c r="BV37" s="16">
        <v>54</v>
      </c>
      <c r="BW37" s="16">
        <v>55</v>
      </c>
      <c r="BX37" s="16">
        <v>58</v>
      </c>
      <c r="BY37" s="16">
        <v>51</v>
      </c>
      <c r="BZ37" s="16">
        <v>42</v>
      </c>
      <c r="CA37" s="16">
        <v>50</v>
      </c>
      <c r="CB37" s="16">
        <v>37</v>
      </c>
      <c r="CC37" s="16">
        <v>37</v>
      </c>
      <c r="CD37" s="16">
        <v>26</v>
      </c>
      <c r="CE37" s="16">
        <v>28</v>
      </c>
      <c r="CF37" s="16">
        <v>31</v>
      </c>
      <c r="CG37" s="16">
        <v>18</v>
      </c>
      <c r="CH37" s="16">
        <v>29</v>
      </c>
      <c r="CI37" s="16">
        <v>11</v>
      </c>
      <c r="CJ37" s="16">
        <v>7</v>
      </c>
      <c r="CK37" s="16">
        <v>3</v>
      </c>
      <c r="CL37" s="16">
        <v>3</v>
      </c>
      <c r="CM37" s="16">
        <v>4</v>
      </c>
      <c r="CN37" s="16">
        <v>4</v>
      </c>
      <c r="CO37" s="16" t="s">
        <v>304</v>
      </c>
      <c r="CP37" s="16">
        <v>36721</v>
      </c>
      <c r="CQ37" s="16">
        <v>2217</v>
      </c>
      <c r="CR37" s="16">
        <v>1014</v>
      </c>
      <c r="CS37" s="16">
        <v>330</v>
      </c>
      <c r="CT37" s="16">
        <v>28206</v>
      </c>
      <c r="CU37" s="17">
        <v>32.823129999999999</v>
      </c>
    </row>
    <row r="38" spans="1:99" x14ac:dyDescent="0.15">
      <c r="A38" s="18" t="s">
        <v>196</v>
      </c>
      <c r="B38" s="18" t="s">
        <v>208</v>
      </c>
      <c r="C38" s="18" t="s">
        <v>153</v>
      </c>
      <c r="D38" s="18" t="s">
        <v>8</v>
      </c>
      <c r="E38" s="18" t="s">
        <v>4</v>
      </c>
      <c r="F38" s="18" t="s">
        <v>156</v>
      </c>
      <c r="G38" s="16">
        <v>103408</v>
      </c>
      <c r="H38" s="16" t="s">
        <v>304</v>
      </c>
      <c r="I38" s="16" t="s">
        <v>304</v>
      </c>
      <c r="J38" s="16">
        <v>3</v>
      </c>
      <c r="K38" s="16">
        <v>4</v>
      </c>
      <c r="L38" s="16">
        <v>14</v>
      </c>
      <c r="M38" s="16">
        <v>26</v>
      </c>
      <c r="N38" s="16">
        <v>54</v>
      </c>
      <c r="O38" s="16">
        <v>97</v>
      </c>
      <c r="P38" s="16">
        <v>159</v>
      </c>
      <c r="Q38" s="16">
        <v>249</v>
      </c>
      <c r="R38" s="16">
        <v>400</v>
      </c>
      <c r="S38" s="16">
        <v>545</v>
      </c>
      <c r="T38" s="16">
        <v>707</v>
      </c>
      <c r="U38" s="16">
        <v>780</v>
      </c>
      <c r="V38" s="16">
        <v>914</v>
      </c>
      <c r="W38" s="16">
        <v>1039</v>
      </c>
      <c r="X38" s="16">
        <v>1102</v>
      </c>
      <c r="Y38" s="16">
        <v>1175</v>
      </c>
      <c r="Z38" s="16">
        <v>1260</v>
      </c>
      <c r="AA38" s="16">
        <v>1360</v>
      </c>
      <c r="AB38" s="16">
        <v>1466</v>
      </c>
      <c r="AC38" s="16">
        <v>1497</v>
      </c>
      <c r="AD38" s="16">
        <v>1512</v>
      </c>
      <c r="AE38" s="16">
        <v>1639</v>
      </c>
      <c r="AF38" s="16">
        <v>1612</v>
      </c>
      <c r="AG38" s="16">
        <v>1704</v>
      </c>
      <c r="AH38" s="16">
        <v>1815</v>
      </c>
      <c r="AI38" s="16">
        <v>1898</v>
      </c>
      <c r="AJ38" s="16">
        <v>2007</v>
      </c>
      <c r="AK38" s="16">
        <v>2089</v>
      </c>
      <c r="AL38" s="16">
        <v>2339</v>
      </c>
      <c r="AM38" s="16">
        <v>2433</v>
      </c>
      <c r="AN38" s="16">
        <v>2443</v>
      </c>
      <c r="AO38" s="16">
        <v>2407</v>
      </c>
      <c r="AP38" s="16">
        <v>2275</v>
      </c>
      <c r="AQ38" s="16">
        <v>2097</v>
      </c>
      <c r="AR38" s="16">
        <v>2040</v>
      </c>
      <c r="AS38" s="16">
        <v>2077</v>
      </c>
      <c r="AT38" s="16">
        <v>2028</v>
      </c>
      <c r="AU38" s="16">
        <v>1592</v>
      </c>
      <c r="AV38" s="16">
        <v>2024</v>
      </c>
      <c r="AW38" s="16">
        <v>1878</v>
      </c>
      <c r="AX38" s="16">
        <v>1914</v>
      </c>
      <c r="AY38" s="16">
        <v>1721</v>
      </c>
      <c r="AZ38" s="16">
        <v>1845</v>
      </c>
      <c r="BA38" s="16">
        <v>1836</v>
      </c>
      <c r="BB38" s="16">
        <v>1891</v>
      </c>
      <c r="BC38" s="16">
        <v>1821</v>
      </c>
      <c r="BD38" s="16">
        <v>1781</v>
      </c>
      <c r="BE38" s="16">
        <v>1864</v>
      </c>
      <c r="BF38" s="16">
        <v>2048</v>
      </c>
      <c r="BG38" s="16">
        <v>1932</v>
      </c>
      <c r="BH38" s="16">
        <v>2186</v>
      </c>
      <c r="BI38" s="16">
        <v>2093</v>
      </c>
      <c r="BJ38" s="16">
        <v>2166</v>
      </c>
      <c r="BK38" s="16">
        <v>2467</v>
      </c>
      <c r="BL38" s="16">
        <v>2567</v>
      </c>
      <c r="BM38" s="16">
        <v>2569</v>
      </c>
      <c r="BN38" s="16">
        <v>2739</v>
      </c>
      <c r="BO38" s="16">
        <v>1349</v>
      </c>
      <c r="BP38" s="16">
        <v>1458</v>
      </c>
      <c r="BQ38" s="16">
        <v>1797</v>
      </c>
      <c r="BR38" s="16">
        <v>1599</v>
      </c>
      <c r="BS38" s="16">
        <v>1565</v>
      </c>
      <c r="BT38" s="16">
        <v>1271</v>
      </c>
      <c r="BU38" s="16">
        <v>1072</v>
      </c>
      <c r="BV38" s="16">
        <v>802</v>
      </c>
      <c r="BW38" s="16">
        <v>833</v>
      </c>
      <c r="BX38" s="16">
        <v>745</v>
      </c>
      <c r="BY38" s="16">
        <v>651</v>
      </c>
      <c r="BZ38" s="16">
        <v>466</v>
      </c>
      <c r="CA38" s="16">
        <v>383</v>
      </c>
      <c r="CB38" s="16">
        <v>358</v>
      </c>
      <c r="CC38" s="16">
        <v>264</v>
      </c>
      <c r="CD38" s="16">
        <v>191</v>
      </c>
      <c r="CE38" s="16">
        <v>132</v>
      </c>
      <c r="CF38" s="16">
        <v>106</v>
      </c>
      <c r="CG38" s="16">
        <v>60</v>
      </c>
      <c r="CH38" s="16">
        <v>42</v>
      </c>
      <c r="CI38" s="16">
        <v>23</v>
      </c>
      <c r="CJ38" s="16">
        <v>23</v>
      </c>
      <c r="CK38" s="16">
        <v>10</v>
      </c>
      <c r="CL38" s="16">
        <v>5</v>
      </c>
      <c r="CM38" s="16">
        <v>1</v>
      </c>
      <c r="CN38" s="16">
        <v>1</v>
      </c>
      <c r="CO38" s="16">
        <v>1</v>
      </c>
      <c r="CP38" s="16">
        <v>67433</v>
      </c>
      <c r="CQ38" s="16">
        <v>35975</v>
      </c>
      <c r="CR38" s="16">
        <v>13859</v>
      </c>
      <c r="CS38" s="16">
        <v>2066</v>
      </c>
      <c r="CT38" s="16">
        <v>77837</v>
      </c>
      <c r="CU38" s="17">
        <v>56.618400000000001</v>
      </c>
    </row>
    <row r="39" spans="1:99" x14ac:dyDescent="0.15">
      <c r="A39" s="18" t="s">
        <v>196</v>
      </c>
      <c r="B39" s="18" t="s">
        <v>308</v>
      </c>
      <c r="C39" s="18" t="s">
        <v>153</v>
      </c>
      <c r="D39" s="18" t="s">
        <v>8</v>
      </c>
      <c r="E39" s="18" t="s">
        <v>4</v>
      </c>
      <c r="F39" s="18" t="s">
        <v>155</v>
      </c>
      <c r="G39" s="16">
        <v>30510</v>
      </c>
      <c r="H39" s="16" t="s">
        <v>304</v>
      </c>
      <c r="I39" s="16" t="s">
        <v>304</v>
      </c>
      <c r="J39" s="16" t="s">
        <v>304</v>
      </c>
      <c r="K39" s="16" t="s">
        <v>304</v>
      </c>
      <c r="L39" s="16" t="s">
        <v>304</v>
      </c>
      <c r="M39" s="16">
        <v>1</v>
      </c>
      <c r="N39" s="16" t="s">
        <v>304</v>
      </c>
      <c r="O39" s="16" t="s">
        <v>304</v>
      </c>
      <c r="P39" s="16">
        <v>1</v>
      </c>
      <c r="Q39" s="16" t="s">
        <v>304</v>
      </c>
      <c r="R39" s="16" t="s">
        <v>304</v>
      </c>
      <c r="S39" s="16">
        <v>2</v>
      </c>
      <c r="T39" s="16">
        <v>2</v>
      </c>
      <c r="U39" s="16" t="s">
        <v>304</v>
      </c>
      <c r="V39" s="16">
        <v>1</v>
      </c>
      <c r="W39" s="16" t="s">
        <v>304</v>
      </c>
      <c r="X39" s="16">
        <v>3</v>
      </c>
      <c r="Y39" s="16">
        <v>1</v>
      </c>
      <c r="Z39" s="16">
        <v>6</v>
      </c>
      <c r="AA39" s="16">
        <v>2</v>
      </c>
      <c r="AB39" s="16">
        <v>4</v>
      </c>
      <c r="AC39" s="16">
        <v>4</v>
      </c>
      <c r="AD39" s="16">
        <v>1</v>
      </c>
      <c r="AE39" s="16">
        <v>10</v>
      </c>
      <c r="AF39" s="16">
        <v>8</v>
      </c>
      <c r="AG39" s="16">
        <v>8</v>
      </c>
      <c r="AH39" s="16">
        <v>11</v>
      </c>
      <c r="AI39" s="16">
        <v>7</v>
      </c>
      <c r="AJ39" s="16">
        <v>12</v>
      </c>
      <c r="AK39" s="16">
        <v>20</v>
      </c>
      <c r="AL39" s="16">
        <v>26</v>
      </c>
      <c r="AM39" s="16">
        <v>26</v>
      </c>
      <c r="AN39" s="16">
        <v>34</v>
      </c>
      <c r="AO39" s="16">
        <v>35</v>
      </c>
      <c r="AP39" s="16">
        <v>42</v>
      </c>
      <c r="AQ39" s="16">
        <v>41</v>
      </c>
      <c r="AR39" s="16">
        <v>59</v>
      </c>
      <c r="AS39" s="16">
        <v>61</v>
      </c>
      <c r="AT39" s="16">
        <v>79</v>
      </c>
      <c r="AU39" s="16">
        <v>53</v>
      </c>
      <c r="AV39" s="16">
        <v>84</v>
      </c>
      <c r="AW39" s="16">
        <v>84</v>
      </c>
      <c r="AX39" s="16">
        <v>103</v>
      </c>
      <c r="AY39" s="16">
        <v>109</v>
      </c>
      <c r="AZ39" s="16">
        <v>143</v>
      </c>
      <c r="BA39" s="16">
        <v>140</v>
      </c>
      <c r="BB39" s="16">
        <v>147</v>
      </c>
      <c r="BC39" s="16">
        <v>190</v>
      </c>
      <c r="BD39" s="16">
        <v>168</v>
      </c>
      <c r="BE39" s="16">
        <v>214</v>
      </c>
      <c r="BF39" s="16">
        <v>269</v>
      </c>
      <c r="BG39" s="16">
        <v>279</v>
      </c>
      <c r="BH39" s="16">
        <v>333</v>
      </c>
      <c r="BI39" s="16">
        <v>382</v>
      </c>
      <c r="BJ39" s="16">
        <v>445</v>
      </c>
      <c r="BK39" s="16">
        <v>595</v>
      </c>
      <c r="BL39" s="16">
        <v>710</v>
      </c>
      <c r="BM39" s="16">
        <v>802</v>
      </c>
      <c r="BN39" s="16">
        <v>936</v>
      </c>
      <c r="BO39" s="16">
        <v>544</v>
      </c>
      <c r="BP39" s="16">
        <v>649</v>
      </c>
      <c r="BQ39" s="16">
        <v>969</v>
      </c>
      <c r="BR39" s="16">
        <v>960</v>
      </c>
      <c r="BS39" s="16">
        <v>1199</v>
      </c>
      <c r="BT39" s="16">
        <v>1182</v>
      </c>
      <c r="BU39" s="16">
        <v>1119</v>
      </c>
      <c r="BV39" s="16">
        <v>966</v>
      </c>
      <c r="BW39" s="16">
        <v>1067</v>
      </c>
      <c r="BX39" s="16">
        <v>1235</v>
      </c>
      <c r="BY39" s="16">
        <v>1483</v>
      </c>
      <c r="BZ39" s="16">
        <v>1159</v>
      </c>
      <c r="CA39" s="16">
        <v>1339</v>
      </c>
      <c r="CB39" s="16">
        <v>1419</v>
      </c>
      <c r="CC39" s="16">
        <v>1322</v>
      </c>
      <c r="CD39" s="16">
        <v>1215</v>
      </c>
      <c r="CE39" s="16">
        <v>1047</v>
      </c>
      <c r="CF39" s="16">
        <v>1069</v>
      </c>
      <c r="CG39" s="16">
        <v>876</v>
      </c>
      <c r="CH39" s="16">
        <v>680</v>
      </c>
      <c r="CI39" s="16">
        <v>589</v>
      </c>
      <c r="CJ39" s="16">
        <v>490</v>
      </c>
      <c r="CK39" s="16">
        <v>348</v>
      </c>
      <c r="CL39" s="16">
        <v>268</v>
      </c>
      <c r="CM39" s="16">
        <v>231</v>
      </c>
      <c r="CN39" s="16">
        <v>146</v>
      </c>
      <c r="CO39" s="16">
        <v>246</v>
      </c>
      <c r="CP39" s="16">
        <v>1942</v>
      </c>
      <c r="CQ39" s="16">
        <v>28568</v>
      </c>
      <c r="CR39" s="16">
        <v>23273</v>
      </c>
      <c r="CS39" s="16">
        <v>12444</v>
      </c>
      <c r="CT39" s="16">
        <v>3650</v>
      </c>
      <c r="CU39" s="17">
        <v>81.440089999999998</v>
      </c>
    </row>
    <row r="40" spans="1:99" x14ac:dyDescent="0.15">
      <c r="A40" s="18" t="s">
        <v>196</v>
      </c>
      <c r="B40" s="18" t="s">
        <v>208</v>
      </c>
      <c r="C40" s="18" t="s">
        <v>153</v>
      </c>
      <c r="D40" s="18" t="s">
        <v>8</v>
      </c>
      <c r="E40" s="18" t="s">
        <v>4</v>
      </c>
      <c r="F40" s="18" t="s">
        <v>154</v>
      </c>
      <c r="G40" s="16">
        <v>11843</v>
      </c>
      <c r="H40" s="16" t="s">
        <v>304</v>
      </c>
      <c r="I40" s="16" t="s">
        <v>304</v>
      </c>
      <c r="J40" s="16" t="s">
        <v>304</v>
      </c>
      <c r="K40" s="16" t="s">
        <v>304</v>
      </c>
      <c r="L40" s="16">
        <v>2</v>
      </c>
      <c r="M40" s="16">
        <v>4</v>
      </c>
      <c r="N40" s="16">
        <v>2</v>
      </c>
      <c r="O40" s="16">
        <v>7</v>
      </c>
      <c r="P40" s="16">
        <v>11</v>
      </c>
      <c r="Q40" s="16">
        <v>12</v>
      </c>
      <c r="R40" s="16">
        <v>21</v>
      </c>
      <c r="S40" s="16">
        <v>33</v>
      </c>
      <c r="T40" s="16">
        <v>36</v>
      </c>
      <c r="U40" s="16">
        <v>36</v>
      </c>
      <c r="V40" s="16">
        <v>35</v>
      </c>
      <c r="W40" s="16">
        <v>55</v>
      </c>
      <c r="X40" s="16">
        <v>73</v>
      </c>
      <c r="Y40" s="16">
        <v>63</v>
      </c>
      <c r="Z40" s="16">
        <v>82</v>
      </c>
      <c r="AA40" s="16">
        <v>91</v>
      </c>
      <c r="AB40" s="16">
        <v>111</v>
      </c>
      <c r="AC40" s="16">
        <v>126</v>
      </c>
      <c r="AD40" s="16">
        <v>133</v>
      </c>
      <c r="AE40" s="16">
        <v>126</v>
      </c>
      <c r="AF40" s="16">
        <v>142</v>
      </c>
      <c r="AG40" s="16">
        <v>151</v>
      </c>
      <c r="AH40" s="16">
        <v>172</v>
      </c>
      <c r="AI40" s="16">
        <v>205</v>
      </c>
      <c r="AJ40" s="16">
        <v>219</v>
      </c>
      <c r="AK40" s="16">
        <v>225</v>
      </c>
      <c r="AL40" s="16">
        <v>266</v>
      </c>
      <c r="AM40" s="16">
        <v>307</v>
      </c>
      <c r="AN40" s="16">
        <v>337</v>
      </c>
      <c r="AO40" s="16">
        <v>339</v>
      </c>
      <c r="AP40" s="16">
        <v>333</v>
      </c>
      <c r="AQ40" s="16">
        <v>324</v>
      </c>
      <c r="AR40" s="16">
        <v>298</v>
      </c>
      <c r="AS40" s="16">
        <v>318</v>
      </c>
      <c r="AT40" s="16">
        <v>298</v>
      </c>
      <c r="AU40" s="16">
        <v>242</v>
      </c>
      <c r="AV40" s="16">
        <v>307</v>
      </c>
      <c r="AW40" s="16">
        <v>291</v>
      </c>
      <c r="AX40" s="16">
        <v>266</v>
      </c>
      <c r="AY40" s="16">
        <v>230</v>
      </c>
      <c r="AZ40" s="16">
        <v>274</v>
      </c>
      <c r="BA40" s="16">
        <v>256</v>
      </c>
      <c r="BB40" s="16">
        <v>240</v>
      </c>
      <c r="BC40" s="16">
        <v>216</v>
      </c>
      <c r="BD40" s="16">
        <v>194</v>
      </c>
      <c r="BE40" s="16">
        <v>195</v>
      </c>
      <c r="BF40" s="16">
        <v>241</v>
      </c>
      <c r="BG40" s="16">
        <v>222</v>
      </c>
      <c r="BH40" s="16">
        <v>219</v>
      </c>
      <c r="BI40" s="16">
        <v>229</v>
      </c>
      <c r="BJ40" s="16">
        <v>264</v>
      </c>
      <c r="BK40" s="16">
        <v>273</v>
      </c>
      <c r="BL40" s="16">
        <v>292</v>
      </c>
      <c r="BM40" s="16">
        <v>321</v>
      </c>
      <c r="BN40" s="16">
        <v>294</v>
      </c>
      <c r="BO40" s="16">
        <v>152</v>
      </c>
      <c r="BP40" s="16">
        <v>149</v>
      </c>
      <c r="BQ40" s="16">
        <v>201</v>
      </c>
      <c r="BR40" s="16">
        <v>150</v>
      </c>
      <c r="BS40" s="16">
        <v>163</v>
      </c>
      <c r="BT40" s="16">
        <v>141</v>
      </c>
      <c r="BU40" s="16">
        <v>105</v>
      </c>
      <c r="BV40" s="16">
        <v>109</v>
      </c>
      <c r="BW40" s="16">
        <v>75</v>
      </c>
      <c r="BX40" s="16">
        <v>67</v>
      </c>
      <c r="BY40" s="16">
        <v>85</v>
      </c>
      <c r="BZ40" s="16">
        <v>72</v>
      </c>
      <c r="CA40" s="16">
        <v>61</v>
      </c>
      <c r="CB40" s="16">
        <v>55</v>
      </c>
      <c r="CC40" s="16">
        <v>37</v>
      </c>
      <c r="CD40" s="16">
        <v>35</v>
      </c>
      <c r="CE40" s="16">
        <v>22</v>
      </c>
      <c r="CF40" s="16">
        <v>26</v>
      </c>
      <c r="CG40" s="16">
        <v>26</v>
      </c>
      <c r="CH40" s="16">
        <v>10</v>
      </c>
      <c r="CI40" s="16">
        <v>13</v>
      </c>
      <c r="CJ40" s="16">
        <v>14</v>
      </c>
      <c r="CK40" s="16">
        <v>6</v>
      </c>
      <c r="CL40" s="16">
        <v>2</v>
      </c>
      <c r="CM40" s="16">
        <v>4</v>
      </c>
      <c r="CN40" s="16">
        <v>1</v>
      </c>
      <c r="CO40" s="16">
        <v>3</v>
      </c>
      <c r="CP40" s="16">
        <v>7704</v>
      </c>
      <c r="CQ40" s="16">
        <v>4139</v>
      </c>
      <c r="CR40" s="16">
        <v>1632</v>
      </c>
      <c r="CS40" s="16">
        <v>387</v>
      </c>
      <c r="CT40" s="16">
        <v>8877</v>
      </c>
      <c r="CU40" s="17">
        <v>58.389980000000001</v>
      </c>
    </row>
  </sheetData>
  <phoneticPr fontId="3"/>
  <pageMargins left="0.7" right="0.7" top="0.75" bottom="0.75" header="0.3" footer="0.3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CT34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CU11" sqref="CU11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98" width="12.625" style="11" customWidth="1"/>
    <col min="99" max="16384" width="9" style="11"/>
  </cols>
  <sheetData>
    <row r="1" spans="1:98" x14ac:dyDescent="0.15">
      <c r="A1" s="11" t="s">
        <v>310</v>
      </c>
    </row>
    <row r="2" spans="1:98" x14ac:dyDescent="0.15">
      <c r="A2" s="11" t="s">
        <v>328</v>
      </c>
    </row>
    <row r="3" spans="1:98" x14ac:dyDescent="0.15">
      <c r="A3" s="11" t="s">
        <v>211</v>
      </c>
    </row>
    <row r="4" spans="1:98" hidden="1" x14ac:dyDescent="0.15">
      <c r="A4" s="11" t="s">
        <v>211</v>
      </c>
    </row>
    <row r="5" spans="1:98" ht="36" collapsed="1" x14ac:dyDescent="0.15">
      <c r="A5" s="11" t="s">
        <v>211</v>
      </c>
      <c r="G5" s="12" t="s">
        <v>311</v>
      </c>
      <c r="H5" s="12" t="s">
        <v>311</v>
      </c>
      <c r="I5" s="12" t="s">
        <v>311</v>
      </c>
      <c r="J5" s="12" t="s">
        <v>311</v>
      </c>
      <c r="K5" s="12" t="s">
        <v>311</v>
      </c>
      <c r="L5" s="12" t="s">
        <v>311</v>
      </c>
      <c r="M5" s="12" t="s">
        <v>311</v>
      </c>
      <c r="N5" s="12" t="s">
        <v>311</v>
      </c>
      <c r="O5" s="12" t="s">
        <v>311</v>
      </c>
      <c r="P5" s="12" t="s">
        <v>311</v>
      </c>
      <c r="Q5" s="12" t="s">
        <v>311</v>
      </c>
      <c r="R5" s="12" t="s">
        <v>311</v>
      </c>
      <c r="S5" s="12" t="s">
        <v>311</v>
      </c>
      <c r="T5" s="12" t="s">
        <v>311</v>
      </c>
      <c r="U5" s="12" t="s">
        <v>311</v>
      </c>
      <c r="V5" s="12" t="s">
        <v>311</v>
      </c>
      <c r="W5" s="12" t="s">
        <v>311</v>
      </c>
      <c r="X5" s="12" t="s">
        <v>311</v>
      </c>
      <c r="Y5" s="12" t="s">
        <v>311</v>
      </c>
      <c r="Z5" s="12" t="s">
        <v>311</v>
      </c>
      <c r="AA5" s="12" t="s">
        <v>311</v>
      </c>
      <c r="AB5" s="12" t="s">
        <v>311</v>
      </c>
      <c r="AC5" s="12" t="s">
        <v>311</v>
      </c>
      <c r="AD5" s="12" t="s">
        <v>311</v>
      </c>
      <c r="AE5" s="12" t="s">
        <v>311</v>
      </c>
      <c r="AF5" s="12" t="s">
        <v>311</v>
      </c>
      <c r="AG5" s="12" t="s">
        <v>311</v>
      </c>
      <c r="AH5" s="12" t="s">
        <v>311</v>
      </c>
      <c r="AI5" s="12" t="s">
        <v>311</v>
      </c>
      <c r="AJ5" s="12" t="s">
        <v>311</v>
      </c>
      <c r="AK5" s="12" t="s">
        <v>311</v>
      </c>
      <c r="AL5" s="12" t="s">
        <v>311</v>
      </c>
      <c r="AM5" s="12" t="s">
        <v>311</v>
      </c>
      <c r="AN5" s="12" t="s">
        <v>311</v>
      </c>
      <c r="AO5" s="12" t="s">
        <v>311</v>
      </c>
      <c r="AP5" s="12" t="s">
        <v>311</v>
      </c>
      <c r="AQ5" s="12" t="s">
        <v>311</v>
      </c>
      <c r="AR5" s="12" t="s">
        <v>311</v>
      </c>
      <c r="AS5" s="12" t="s">
        <v>311</v>
      </c>
      <c r="AT5" s="12" t="s">
        <v>311</v>
      </c>
      <c r="AU5" s="12" t="s">
        <v>311</v>
      </c>
      <c r="AV5" s="12" t="s">
        <v>311</v>
      </c>
      <c r="AW5" s="12" t="s">
        <v>311</v>
      </c>
      <c r="AX5" s="12" t="s">
        <v>311</v>
      </c>
      <c r="AY5" s="12" t="s">
        <v>311</v>
      </c>
      <c r="AZ5" s="12" t="s">
        <v>311</v>
      </c>
      <c r="BA5" s="12" t="s">
        <v>311</v>
      </c>
      <c r="BB5" s="12" t="s">
        <v>311</v>
      </c>
      <c r="BC5" s="12" t="s">
        <v>311</v>
      </c>
      <c r="BD5" s="12" t="s">
        <v>311</v>
      </c>
      <c r="BE5" s="12" t="s">
        <v>311</v>
      </c>
      <c r="BF5" s="12" t="s">
        <v>311</v>
      </c>
      <c r="BG5" s="12" t="s">
        <v>311</v>
      </c>
      <c r="BH5" s="12" t="s">
        <v>311</v>
      </c>
      <c r="BI5" s="12" t="s">
        <v>311</v>
      </c>
      <c r="BJ5" s="12" t="s">
        <v>311</v>
      </c>
      <c r="BK5" s="12" t="s">
        <v>311</v>
      </c>
      <c r="BL5" s="12" t="s">
        <v>311</v>
      </c>
      <c r="BM5" s="12" t="s">
        <v>311</v>
      </c>
      <c r="BN5" s="12" t="s">
        <v>311</v>
      </c>
      <c r="BO5" s="12" t="s">
        <v>311</v>
      </c>
      <c r="BP5" s="12" t="s">
        <v>311</v>
      </c>
      <c r="BQ5" s="12" t="s">
        <v>311</v>
      </c>
      <c r="BR5" s="12" t="s">
        <v>311</v>
      </c>
      <c r="BS5" s="12" t="s">
        <v>311</v>
      </c>
      <c r="BT5" s="12" t="s">
        <v>311</v>
      </c>
      <c r="BU5" s="12" t="s">
        <v>311</v>
      </c>
      <c r="BV5" s="12" t="s">
        <v>311</v>
      </c>
      <c r="BW5" s="12" t="s">
        <v>311</v>
      </c>
      <c r="BX5" s="12" t="s">
        <v>311</v>
      </c>
      <c r="BY5" s="12" t="s">
        <v>311</v>
      </c>
      <c r="BZ5" s="12" t="s">
        <v>311</v>
      </c>
      <c r="CA5" s="12" t="s">
        <v>311</v>
      </c>
      <c r="CB5" s="12" t="s">
        <v>311</v>
      </c>
      <c r="CC5" s="12" t="s">
        <v>311</v>
      </c>
      <c r="CD5" s="12" t="s">
        <v>311</v>
      </c>
      <c r="CE5" s="12" t="s">
        <v>311</v>
      </c>
      <c r="CF5" s="12" t="s">
        <v>311</v>
      </c>
      <c r="CG5" s="12" t="s">
        <v>311</v>
      </c>
      <c r="CH5" s="12" t="s">
        <v>311</v>
      </c>
      <c r="CI5" s="12" t="s">
        <v>311</v>
      </c>
      <c r="CJ5" s="12" t="s">
        <v>311</v>
      </c>
      <c r="CK5" s="12" t="s">
        <v>311</v>
      </c>
      <c r="CL5" s="12" t="s">
        <v>311</v>
      </c>
      <c r="CM5" s="12" t="s">
        <v>311</v>
      </c>
      <c r="CN5" s="12" t="s">
        <v>311</v>
      </c>
      <c r="CO5" s="12" t="s">
        <v>311</v>
      </c>
      <c r="CP5" s="12" t="s">
        <v>311</v>
      </c>
      <c r="CQ5" s="12" t="s">
        <v>311</v>
      </c>
      <c r="CR5" s="12" t="s">
        <v>311</v>
      </c>
      <c r="CS5" s="12" t="s">
        <v>311</v>
      </c>
      <c r="CT5" s="12" t="s">
        <v>311</v>
      </c>
    </row>
    <row r="6" spans="1:98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</row>
    <row r="7" spans="1:98" x14ac:dyDescent="0.15">
      <c r="A7" s="11" t="s">
        <v>211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312</v>
      </c>
      <c r="W7" s="12" t="s">
        <v>187</v>
      </c>
      <c r="X7" s="12" t="s">
        <v>312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312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 t="s">
        <v>187</v>
      </c>
      <c r="AQ7" s="12" t="s">
        <v>312</v>
      </c>
      <c r="AR7" s="12" t="s">
        <v>187</v>
      </c>
      <c r="AS7" s="12" t="s">
        <v>187</v>
      </c>
      <c r="AT7" s="12" t="s">
        <v>187</v>
      </c>
      <c r="AU7" s="12" t="s">
        <v>187</v>
      </c>
      <c r="AV7" s="12" t="s">
        <v>187</v>
      </c>
      <c r="AW7" s="12" t="s">
        <v>187</v>
      </c>
      <c r="AX7" s="12" t="s">
        <v>187</v>
      </c>
      <c r="AY7" s="12" t="s">
        <v>187</v>
      </c>
      <c r="AZ7" s="12" t="s">
        <v>187</v>
      </c>
      <c r="BA7" s="12" t="s">
        <v>187</v>
      </c>
      <c r="BB7" s="12" t="s">
        <v>312</v>
      </c>
      <c r="BC7" s="12" t="s">
        <v>187</v>
      </c>
      <c r="BD7" s="12" t="s">
        <v>187</v>
      </c>
      <c r="BE7" s="12" t="s">
        <v>187</v>
      </c>
      <c r="BF7" s="12" t="s">
        <v>187</v>
      </c>
      <c r="BG7" s="12" t="s">
        <v>187</v>
      </c>
      <c r="BH7" s="12" t="s">
        <v>187</v>
      </c>
      <c r="BI7" s="12" t="s">
        <v>187</v>
      </c>
      <c r="BJ7" s="12" t="s">
        <v>187</v>
      </c>
      <c r="BK7" s="12" t="s">
        <v>187</v>
      </c>
      <c r="BL7" s="12" t="s">
        <v>187</v>
      </c>
      <c r="BM7" s="12" t="s">
        <v>187</v>
      </c>
      <c r="BN7" s="12" t="s">
        <v>187</v>
      </c>
      <c r="BO7" s="12" t="s">
        <v>187</v>
      </c>
      <c r="BP7" s="12" t="s">
        <v>187</v>
      </c>
      <c r="BQ7" s="12" t="s">
        <v>187</v>
      </c>
      <c r="BR7" s="12" t="s">
        <v>187</v>
      </c>
      <c r="BS7" s="12" t="s">
        <v>187</v>
      </c>
      <c r="BT7" s="12" t="s">
        <v>187</v>
      </c>
      <c r="BU7" s="12" t="s">
        <v>187</v>
      </c>
      <c r="BV7" s="12" t="s">
        <v>312</v>
      </c>
      <c r="BW7" s="12" t="s">
        <v>187</v>
      </c>
      <c r="BX7" s="12" t="s">
        <v>187</v>
      </c>
      <c r="BY7" s="12" t="s">
        <v>187</v>
      </c>
      <c r="BZ7" s="12" t="s">
        <v>187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312</v>
      </c>
      <c r="CG7" s="12" t="s">
        <v>187</v>
      </c>
      <c r="CH7" s="12" t="s">
        <v>187</v>
      </c>
      <c r="CI7" s="12" t="s">
        <v>187</v>
      </c>
      <c r="CJ7" s="12" t="s">
        <v>187</v>
      </c>
      <c r="CK7" s="12" t="s">
        <v>187</v>
      </c>
      <c r="CL7" s="12" t="s">
        <v>187</v>
      </c>
      <c r="CM7" s="12" t="s">
        <v>187</v>
      </c>
      <c r="CN7" s="12" t="s">
        <v>187</v>
      </c>
      <c r="CO7" s="12" t="s">
        <v>187</v>
      </c>
      <c r="CP7" s="12" t="s">
        <v>312</v>
      </c>
      <c r="CQ7" s="12" t="s">
        <v>187</v>
      </c>
      <c r="CR7" s="12" t="s">
        <v>187</v>
      </c>
      <c r="CS7" s="12" t="s">
        <v>187</v>
      </c>
      <c r="CT7" s="12" t="s">
        <v>312</v>
      </c>
    </row>
    <row r="8" spans="1:98" ht="24" x14ac:dyDescent="0.15">
      <c r="A8" s="11" t="s">
        <v>211</v>
      </c>
      <c r="G8" s="12" t="s">
        <v>151</v>
      </c>
      <c r="H8" s="12" t="s">
        <v>215</v>
      </c>
      <c r="I8" s="12" t="s">
        <v>216</v>
      </c>
      <c r="J8" s="12" t="s">
        <v>217</v>
      </c>
      <c r="K8" s="12" t="s">
        <v>218</v>
      </c>
      <c r="L8" s="12" t="s">
        <v>219</v>
      </c>
      <c r="M8" s="12" t="s">
        <v>220</v>
      </c>
      <c r="N8" s="12" t="s">
        <v>221</v>
      </c>
      <c r="O8" s="12" t="s">
        <v>222</v>
      </c>
      <c r="P8" s="12" t="s">
        <v>223</v>
      </c>
      <c r="Q8" s="12" t="s">
        <v>224</v>
      </c>
      <c r="R8" s="12" t="s">
        <v>225</v>
      </c>
      <c r="S8" s="12" t="s">
        <v>226</v>
      </c>
      <c r="T8" s="12" t="s">
        <v>227</v>
      </c>
      <c r="U8" s="12" t="s">
        <v>228</v>
      </c>
      <c r="V8" s="12" t="s">
        <v>229</v>
      </c>
      <c r="W8" s="12" t="s">
        <v>230</v>
      </c>
      <c r="X8" s="12" t="s">
        <v>231</v>
      </c>
      <c r="Y8" s="12" t="s">
        <v>232</v>
      </c>
      <c r="Z8" s="12" t="s">
        <v>233</v>
      </c>
      <c r="AA8" s="12" t="s">
        <v>234</v>
      </c>
      <c r="AB8" s="12" t="s">
        <v>235</v>
      </c>
      <c r="AC8" s="12" t="s">
        <v>236</v>
      </c>
      <c r="AD8" s="12" t="s">
        <v>237</v>
      </c>
      <c r="AE8" s="12" t="s">
        <v>238</v>
      </c>
      <c r="AF8" s="12" t="s">
        <v>239</v>
      </c>
      <c r="AG8" s="12" t="s">
        <v>240</v>
      </c>
      <c r="AH8" s="12" t="s">
        <v>241</v>
      </c>
      <c r="AI8" s="12" t="s">
        <v>242</v>
      </c>
      <c r="AJ8" s="12" t="s">
        <v>243</v>
      </c>
      <c r="AK8" s="12" t="s">
        <v>244</v>
      </c>
      <c r="AL8" s="12" t="s">
        <v>245</v>
      </c>
      <c r="AM8" s="12" t="s">
        <v>246</v>
      </c>
      <c r="AN8" s="12" t="s">
        <v>247</v>
      </c>
      <c r="AO8" s="12" t="s">
        <v>248</v>
      </c>
      <c r="AP8" s="12" t="s">
        <v>249</v>
      </c>
      <c r="AQ8" s="12" t="s">
        <v>250</v>
      </c>
      <c r="AR8" s="12" t="s">
        <v>251</v>
      </c>
      <c r="AS8" s="12" t="s">
        <v>252</v>
      </c>
      <c r="AT8" s="12" t="s">
        <v>253</v>
      </c>
      <c r="AU8" s="12" t="s">
        <v>254</v>
      </c>
      <c r="AV8" s="12" t="s">
        <v>255</v>
      </c>
      <c r="AW8" s="12" t="s">
        <v>256</v>
      </c>
      <c r="AX8" s="12" t="s">
        <v>257</v>
      </c>
      <c r="AY8" s="12" t="s">
        <v>258</v>
      </c>
      <c r="AZ8" s="12" t="s">
        <v>259</v>
      </c>
      <c r="BA8" s="12" t="s">
        <v>260</v>
      </c>
      <c r="BB8" s="12" t="s">
        <v>261</v>
      </c>
      <c r="BC8" s="12" t="s">
        <v>262</v>
      </c>
      <c r="BD8" s="12" t="s">
        <v>263</v>
      </c>
      <c r="BE8" s="12" t="s">
        <v>264</v>
      </c>
      <c r="BF8" s="12" t="s">
        <v>265</v>
      </c>
      <c r="BG8" s="12" t="s">
        <v>266</v>
      </c>
      <c r="BH8" s="12" t="s">
        <v>267</v>
      </c>
      <c r="BI8" s="12" t="s">
        <v>268</v>
      </c>
      <c r="BJ8" s="12" t="s">
        <v>269</v>
      </c>
      <c r="BK8" s="12" t="s">
        <v>270</v>
      </c>
      <c r="BL8" s="12" t="s">
        <v>271</v>
      </c>
      <c r="BM8" s="12" t="s">
        <v>272</v>
      </c>
      <c r="BN8" s="12" t="s">
        <v>273</v>
      </c>
      <c r="BO8" s="12" t="s">
        <v>274</v>
      </c>
      <c r="BP8" s="12" t="s">
        <v>275</v>
      </c>
      <c r="BQ8" s="12" t="s">
        <v>276</v>
      </c>
      <c r="BR8" s="12" t="s">
        <v>277</v>
      </c>
      <c r="BS8" s="12" t="s">
        <v>278</v>
      </c>
      <c r="BT8" s="12" t="s">
        <v>279</v>
      </c>
      <c r="BU8" s="12" t="s">
        <v>280</v>
      </c>
      <c r="BV8" s="12" t="s">
        <v>281</v>
      </c>
      <c r="BW8" s="12" t="s">
        <v>282</v>
      </c>
      <c r="BX8" s="12" t="s">
        <v>283</v>
      </c>
      <c r="BY8" s="12" t="s">
        <v>284</v>
      </c>
      <c r="BZ8" s="12" t="s">
        <v>285</v>
      </c>
      <c r="CA8" s="12" t="s">
        <v>286</v>
      </c>
      <c r="CB8" s="12" t="s">
        <v>287</v>
      </c>
      <c r="CC8" s="12" t="s">
        <v>288</v>
      </c>
      <c r="CD8" s="12" t="s">
        <v>289</v>
      </c>
      <c r="CE8" s="12" t="s">
        <v>290</v>
      </c>
      <c r="CF8" s="12" t="s">
        <v>291</v>
      </c>
      <c r="CG8" s="12" t="s">
        <v>292</v>
      </c>
      <c r="CH8" s="12" t="s">
        <v>293</v>
      </c>
      <c r="CI8" s="12" t="s">
        <v>294</v>
      </c>
      <c r="CJ8" s="12" t="s">
        <v>295</v>
      </c>
      <c r="CK8" s="12" t="s">
        <v>296</v>
      </c>
      <c r="CL8" s="12" t="s">
        <v>297</v>
      </c>
      <c r="CM8" s="12" t="s">
        <v>298</v>
      </c>
      <c r="CN8" s="12" t="s">
        <v>299</v>
      </c>
      <c r="CO8" s="12" t="s">
        <v>300</v>
      </c>
      <c r="CP8" s="12" t="s">
        <v>162</v>
      </c>
      <c r="CQ8" s="12" t="s">
        <v>161</v>
      </c>
      <c r="CR8" s="12" t="s">
        <v>160</v>
      </c>
      <c r="CS8" s="12" t="s">
        <v>159</v>
      </c>
      <c r="CT8" s="12" t="s">
        <v>122</v>
      </c>
    </row>
    <row r="9" spans="1:98" x14ac:dyDescent="0.15">
      <c r="A9" s="11" t="s">
        <v>211</v>
      </c>
      <c r="G9" s="13" t="s">
        <v>205</v>
      </c>
      <c r="H9" s="13" t="s">
        <v>205</v>
      </c>
      <c r="I9" s="13" t="s">
        <v>205</v>
      </c>
      <c r="J9" s="13" t="s">
        <v>205</v>
      </c>
      <c r="K9" s="13" t="s">
        <v>205</v>
      </c>
      <c r="L9" s="13" t="s">
        <v>205</v>
      </c>
      <c r="M9" s="13" t="s">
        <v>205</v>
      </c>
      <c r="N9" s="13" t="s">
        <v>205</v>
      </c>
      <c r="O9" s="13" t="s">
        <v>205</v>
      </c>
      <c r="P9" s="13" t="s">
        <v>205</v>
      </c>
      <c r="Q9" s="13" t="s">
        <v>205</v>
      </c>
      <c r="R9" s="13" t="s">
        <v>205</v>
      </c>
      <c r="S9" s="13" t="s">
        <v>205</v>
      </c>
      <c r="T9" s="13" t="s">
        <v>313</v>
      </c>
      <c r="U9" s="13" t="s">
        <v>205</v>
      </c>
      <c r="V9" s="13" t="s">
        <v>205</v>
      </c>
      <c r="W9" s="13" t="s">
        <v>205</v>
      </c>
      <c r="X9" s="13" t="s">
        <v>205</v>
      </c>
      <c r="Y9" s="13" t="s">
        <v>205</v>
      </c>
      <c r="Z9" s="13" t="s">
        <v>205</v>
      </c>
      <c r="AA9" s="13" t="s">
        <v>313</v>
      </c>
      <c r="AB9" s="13" t="s">
        <v>205</v>
      </c>
      <c r="AC9" s="13" t="s">
        <v>205</v>
      </c>
      <c r="AD9" s="13" t="s">
        <v>205</v>
      </c>
      <c r="AE9" s="13" t="s">
        <v>205</v>
      </c>
      <c r="AF9" s="13" t="s">
        <v>205</v>
      </c>
      <c r="AG9" s="13" t="s">
        <v>205</v>
      </c>
      <c r="AH9" s="13" t="s">
        <v>205</v>
      </c>
      <c r="AI9" s="13" t="s">
        <v>205</v>
      </c>
      <c r="AJ9" s="13" t="s">
        <v>205</v>
      </c>
      <c r="AK9" s="13" t="s">
        <v>205</v>
      </c>
      <c r="AL9" s="13" t="s">
        <v>205</v>
      </c>
      <c r="AM9" s="13" t="s">
        <v>205</v>
      </c>
      <c r="AN9" s="13" t="s">
        <v>313</v>
      </c>
      <c r="AO9" s="13" t="s">
        <v>205</v>
      </c>
      <c r="AP9" s="13" t="s">
        <v>205</v>
      </c>
      <c r="AQ9" s="13" t="s">
        <v>205</v>
      </c>
      <c r="AR9" s="13" t="s">
        <v>205</v>
      </c>
      <c r="AS9" s="13" t="s">
        <v>205</v>
      </c>
      <c r="AT9" s="13" t="s">
        <v>205</v>
      </c>
      <c r="AU9" s="13" t="s">
        <v>205</v>
      </c>
      <c r="AV9" s="13" t="s">
        <v>205</v>
      </c>
      <c r="AW9" s="13" t="s">
        <v>205</v>
      </c>
      <c r="AX9" s="13" t="s">
        <v>205</v>
      </c>
      <c r="AY9" s="13" t="s">
        <v>205</v>
      </c>
      <c r="AZ9" s="13" t="s">
        <v>205</v>
      </c>
      <c r="BA9" s="13" t="s">
        <v>205</v>
      </c>
      <c r="BB9" s="13" t="s">
        <v>205</v>
      </c>
      <c r="BC9" s="13" t="s">
        <v>205</v>
      </c>
      <c r="BD9" s="13" t="s">
        <v>205</v>
      </c>
      <c r="BE9" s="13" t="s">
        <v>205</v>
      </c>
      <c r="BF9" s="13" t="s">
        <v>205</v>
      </c>
      <c r="BG9" s="13" t="s">
        <v>205</v>
      </c>
      <c r="BH9" s="13" t="s">
        <v>205</v>
      </c>
      <c r="BI9" s="13" t="s">
        <v>205</v>
      </c>
      <c r="BJ9" s="13" t="s">
        <v>205</v>
      </c>
      <c r="BK9" s="13" t="s">
        <v>205</v>
      </c>
      <c r="BL9" s="13" t="s">
        <v>205</v>
      </c>
      <c r="BM9" s="13" t="s">
        <v>205</v>
      </c>
      <c r="BN9" s="13" t="s">
        <v>205</v>
      </c>
      <c r="BO9" s="13" t="s">
        <v>205</v>
      </c>
      <c r="BP9" s="13" t="s">
        <v>205</v>
      </c>
      <c r="BQ9" s="13" t="s">
        <v>205</v>
      </c>
      <c r="BR9" s="13" t="s">
        <v>205</v>
      </c>
      <c r="BS9" s="13" t="s">
        <v>205</v>
      </c>
      <c r="BT9" s="13" t="s">
        <v>205</v>
      </c>
      <c r="BU9" s="13" t="s">
        <v>205</v>
      </c>
      <c r="BV9" s="13" t="s">
        <v>205</v>
      </c>
      <c r="BW9" s="13" t="s">
        <v>205</v>
      </c>
      <c r="BX9" s="13" t="s">
        <v>205</v>
      </c>
      <c r="BY9" s="13" t="s">
        <v>205</v>
      </c>
      <c r="BZ9" s="13" t="s">
        <v>313</v>
      </c>
      <c r="CA9" s="13" t="s">
        <v>205</v>
      </c>
      <c r="CB9" s="13" t="s">
        <v>205</v>
      </c>
      <c r="CC9" s="13" t="s">
        <v>205</v>
      </c>
      <c r="CD9" s="13" t="s">
        <v>205</v>
      </c>
      <c r="CE9" s="13" t="s">
        <v>205</v>
      </c>
      <c r="CF9" s="13" t="s">
        <v>205</v>
      </c>
      <c r="CG9" s="13" t="s">
        <v>313</v>
      </c>
      <c r="CH9" s="13" t="s">
        <v>205</v>
      </c>
      <c r="CI9" s="13" t="s">
        <v>205</v>
      </c>
      <c r="CJ9" s="13" t="s">
        <v>205</v>
      </c>
      <c r="CK9" s="13" t="s">
        <v>205</v>
      </c>
      <c r="CL9" s="13" t="s">
        <v>205</v>
      </c>
      <c r="CM9" s="13" t="s">
        <v>205</v>
      </c>
      <c r="CN9" s="13" t="s">
        <v>205</v>
      </c>
      <c r="CO9" s="13" t="s">
        <v>205</v>
      </c>
      <c r="CP9" s="13" t="s">
        <v>205</v>
      </c>
      <c r="CQ9" s="13" t="s">
        <v>205</v>
      </c>
      <c r="CR9" s="13" t="s">
        <v>205</v>
      </c>
      <c r="CS9" s="13" t="s">
        <v>205</v>
      </c>
      <c r="CT9" s="13" t="s">
        <v>313</v>
      </c>
    </row>
    <row r="10" spans="1:98" ht="13.5" x14ac:dyDescent="0.15">
      <c r="A10" s="14" t="s">
        <v>206</v>
      </c>
      <c r="B10" s="14" t="s">
        <v>207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</row>
    <row r="11" spans="1:98" x14ac:dyDescent="0.15">
      <c r="A11" s="18" t="s">
        <v>196</v>
      </c>
      <c r="B11" s="18" t="s">
        <v>208</v>
      </c>
      <c r="C11" s="18" t="s">
        <v>153</v>
      </c>
      <c r="D11" s="18" t="s">
        <v>9</v>
      </c>
      <c r="E11" s="18" t="s">
        <v>3</v>
      </c>
      <c r="F11" s="18" t="s">
        <v>157</v>
      </c>
      <c r="G11" s="17">
        <v>26.935919999999999</v>
      </c>
      <c r="H11" s="17">
        <v>99.972409999999996</v>
      </c>
      <c r="I11" s="17">
        <v>100</v>
      </c>
      <c r="J11" s="17">
        <v>99.894459999999995</v>
      </c>
      <c r="K11" s="17">
        <v>99.774439999999998</v>
      </c>
      <c r="L11" s="17">
        <v>99.209680000000006</v>
      </c>
      <c r="M11" s="17">
        <v>98.647369999999995</v>
      </c>
      <c r="N11" s="17">
        <v>97.606639999999999</v>
      </c>
      <c r="O11" s="17">
        <v>95.455629999999999</v>
      </c>
      <c r="P11" s="17">
        <v>92.915390000000002</v>
      </c>
      <c r="Q11" s="17">
        <v>88.608540000000005</v>
      </c>
      <c r="R11" s="17">
        <v>81.645870000000002</v>
      </c>
      <c r="S11" s="17">
        <v>73.427109999999999</v>
      </c>
      <c r="T11" s="17">
        <v>65.349620000000002</v>
      </c>
      <c r="U11" s="17">
        <v>60.621090000000002</v>
      </c>
      <c r="V11" s="17">
        <v>52.719670000000001</v>
      </c>
      <c r="W11" s="17">
        <v>46.767400000000002</v>
      </c>
      <c r="X11" s="17">
        <v>45.474510000000002</v>
      </c>
      <c r="Y11" s="17">
        <v>40.931489999999997</v>
      </c>
      <c r="Z11" s="17">
        <v>39.624879999999997</v>
      </c>
      <c r="AA11" s="17">
        <v>35.096150000000002</v>
      </c>
      <c r="AB11" s="17">
        <v>33.27496</v>
      </c>
      <c r="AC11" s="17">
        <v>30.739129999999999</v>
      </c>
      <c r="AD11" s="17">
        <v>28.96461</v>
      </c>
      <c r="AE11" s="17">
        <v>27.454699999999999</v>
      </c>
      <c r="AF11" s="17">
        <v>27.73629</v>
      </c>
      <c r="AG11" s="17">
        <v>26.15793</v>
      </c>
      <c r="AH11" s="17">
        <v>25.368839999999999</v>
      </c>
      <c r="AI11" s="17">
        <v>25.133790000000001</v>
      </c>
      <c r="AJ11" s="17">
        <v>23.875129999999999</v>
      </c>
      <c r="AK11" s="17">
        <v>23.805589999999999</v>
      </c>
      <c r="AL11" s="17">
        <v>23.425619999999999</v>
      </c>
      <c r="AM11" s="17">
        <v>22.036359999999998</v>
      </c>
      <c r="AN11" s="17">
        <v>21.13402</v>
      </c>
      <c r="AO11" s="17">
        <v>21.750509999999998</v>
      </c>
      <c r="AP11" s="17">
        <v>21.122209999999999</v>
      </c>
      <c r="AQ11" s="17">
        <v>21.051770000000001</v>
      </c>
      <c r="AR11" s="17">
        <v>20.419969999999999</v>
      </c>
      <c r="AS11" s="17">
        <v>18.737020000000001</v>
      </c>
      <c r="AT11" s="17">
        <v>17.847770000000001</v>
      </c>
      <c r="AU11" s="17">
        <v>17.47195</v>
      </c>
      <c r="AV11" s="17">
        <v>15.964359999999999</v>
      </c>
      <c r="AW11" s="17">
        <v>14.26606</v>
      </c>
      <c r="AX11" s="17">
        <v>13.68873</v>
      </c>
      <c r="AY11" s="17">
        <v>14.46406</v>
      </c>
      <c r="AZ11" s="17">
        <v>12.24958</v>
      </c>
      <c r="BA11" s="17">
        <v>11.73311</v>
      </c>
      <c r="BB11" s="17">
        <v>10.906459999999999</v>
      </c>
      <c r="BC11" s="17">
        <v>10.50032</v>
      </c>
      <c r="BD11" s="17">
        <v>9.7452900000000007</v>
      </c>
      <c r="BE11" s="17">
        <v>8.9599700000000002</v>
      </c>
      <c r="BF11" s="17">
        <v>7.8876499999999998</v>
      </c>
      <c r="BG11" s="17">
        <v>7.94</v>
      </c>
      <c r="BH11" s="17">
        <v>8.5562500000000004</v>
      </c>
      <c r="BI11" s="17">
        <v>7.3904300000000003</v>
      </c>
      <c r="BJ11" s="17">
        <v>6.6736500000000003</v>
      </c>
      <c r="BK11" s="17">
        <v>6.3122400000000001</v>
      </c>
      <c r="BL11" s="17">
        <v>5.8551599999999997</v>
      </c>
      <c r="BM11" s="17">
        <v>5.7350099999999999</v>
      </c>
      <c r="BN11" s="17">
        <v>4.58453</v>
      </c>
      <c r="BO11" s="17">
        <v>4.2472000000000003</v>
      </c>
      <c r="BP11" s="17">
        <v>4.0916499999999996</v>
      </c>
      <c r="BQ11" s="17">
        <v>3.4344199999999998</v>
      </c>
      <c r="BR11" s="17">
        <v>2.52372</v>
      </c>
      <c r="BS11" s="17">
        <v>3.0769199999999999</v>
      </c>
      <c r="BT11" s="17">
        <v>2.8355399999999999</v>
      </c>
      <c r="BU11" s="17">
        <v>2.2759900000000002</v>
      </c>
      <c r="BV11" s="17">
        <v>2.1080800000000002</v>
      </c>
      <c r="BW11" s="17">
        <v>2.21252</v>
      </c>
      <c r="BX11" s="17">
        <v>2.2044100000000002</v>
      </c>
      <c r="BY11" s="17">
        <v>1.9747699999999999</v>
      </c>
      <c r="BZ11" s="17">
        <v>1.97461</v>
      </c>
      <c r="CA11" s="17">
        <v>2.2408999999999999</v>
      </c>
      <c r="CB11" s="17">
        <v>1.95581</v>
      </c>
      <c r="CC11" s="17">
        <v>2.2127699999999999</v>
      </c>
      <c r="CD11" s="17">
        <v>1.4601999999999999</v>
      </c>
      <c r="CE11" s="17">
        <v>1.9506600000000001</v>
      </c>
      <c r="CF11" s="17">
        <v>1.8573999999999999</v>
      </c>
      <c r="CG11" s="17">
        <v>1.4328799999999999</v>
      </c>
      <c r="CH11" s="17">
        <v>3.0754000000000001</v>
      </c>
      <c r="CI11" s="17">
        <v>1.67866</v>
      </c>
      <c r="CJ11" s="17">
        <v>1.2345699999999999</v>
      </c>
      <c r="CK11" s="17">
        <v>1.0799099999999999</v>
      </c>
      <c r="CL11" s="17">
        <v>0.91463000000000005</v>
      </c>
      <c r="CM11" s="17">
        <v>1.43885</v>
      </c>
      <c r="CN11" s="17">
        <v>2.3391799999999998</v>
      </c>
      <c r="CO11" s="17">
        <v>0</v>
      </c>
      <c r="CP11" s="17">
        <v>38.52796</v>
      </c>
      <c r="CQ11" s="17">
        <v>4.3665099999999999</v>
      </c>
      <c r="CR11" s="17">
        <v>2.4583200000000001</v>
      </c>
      <c r="CS11" s="17">
        <v>1.89062</v>
      </c>
      <c r="CT11" s="17">
        <v>30.429870000000001</v>
      </c>
    </row>
    <row r="12" spans="1:98" x14ac:dyDescent="0.15">
      <c r="A12" s="18" t="s">
        <v>196</v>
      </c>
      <c r="B12" s="18" t="s">
        <v>208</v>
      </c>
      <c r="C12" s="18" t="s">
        <v>153</v>
      </c>
      <c r="D12" s="18" t="s">
        <v>9</v>
      </c>
      <c r="E12" s="18" t="s">
        <v>3</v>
      </c>
      <c r="F12" s="18" t="s">
        <v>156</v>
      </c>
      <c r="G12" s="17">
        <v>57.662120000000002</v>
      </c>
      <c r="H12" s="17">
        <v>2.759E-2</v>
      </c>
      <c r="I12" s="17">
        <v>0</v>
      </c>
      <c r="J12" s="17">
        <v>0.10553999999999999</v>
      </c>
      <c r="K12" s="17">
        <v>0.20050000000000001</v>
      </c>
      <c r="L12" s="17">
        <v>0.71623000000000003</v>
      </c>
      <c r="M12" s="17">
        <v>1.18652</v>
      </c>
      <c r="N12" s="17">
        <v>2.27488</v>
      </c>
      <c r="O12" s="17">
        <v>4.2812700000000001</v>
      </c>
      <c r="P12" s="17">
        <v>6.7533099999999999</v>
      </c>
      <c r="Q12" s="17">
        <v>10.91681</v>
      </c>
      <c r="R12" s="17">
        <v>17.586369999999999</v>
      </c>
      <c r="S12" s="17">
        <v>25.319690000000001</v>
      </c>
      <c r="T12" s="17">
        <v>33.298670000000001</v>
      </c>
      <c r="U12" s="17">
        <v>37.734859999999998</v>
      </c>
      <c r="V12" s="17">
        <v>45.763599999999997</v>
      </c>
      <c r="W12" s="17">
        <v>51.201390000000004</v>
      </c>
      <c r="X12" s="17">
        <v>51.695540000000001</v>
      </c>
      <c r="Y12" s="17">
        <v>56.382449999999999</v>
      </c>
      <c r="Z12" s="17">
        <v>57.217469999999999</v>
      </c>
      <c r="AA12" s="17">
        <v>61.286630000000002</v>
      </c>
      <c r="AB12" s="17">
        <v>62.89405</v>
      </c>
      <c r="AC12" s="17">
        <v>65.021739999999994</v>
      </c>
      <c r="AD12" s="17">
        <v>66.470070000000007</v>
      </c>
      <c r="AE12" s="17">
        <v>67.530550000000005</v>
      </c>
      <c r="AF12" s="17">
        <v>66.844459999999998</v>
      </c>
      <c r="AG12" s="17">
        <v>68.455420000000004</v>
      </c>
      <c r="AH12" s="17">
        <v>68.729640000000003</v>
      </c>
      <c r="AI12" s="17">
        <v>68.266139999999993</v>
      </c>
      <c r="AJ12" s="17">
        <v>69.689570000000003</v>
      </c>
      <c r="AK12" s="17">
        <v>69.763599999999997</v>
      </c>
      <c r="AL12" s="17">
        <v>69.272890000000004</v>
      </c>
      <c r="AM12" s="17">
        <v>69.992729999999995</v>
      </c>
      <c r="AN12" s="17">
        <v>70.718789999999998</v>
      </c>
      <c r="AO12" s="17">
        <v>69.453329999999994</v>
      </c>
      <c r="AP12" s="17">
        <v>69.546499999999995</v>
      </c>
      <c r="AQ12" s="17">
        <v>69.098010000000002</v>
      </c>
      <c r="AR12" s="17">
        <v>68.617720000000006</v>
      </c>
      <c r="AS12" s="17">
        <v>70.328720000000004</v>
      </c>
      <c r="AT12" s="17">
        <v>71.268590000000003</v>
      </c>
      <c r="AU12" s="17">
        <v>71.124340000000004</v>
      </c>
      <c r="AV12" s="17">
        <v>72.377949999999998</v>
      </c>
      <c r="AW12" s="17">
        <v>73.590100000000007</v>
      </c>
      <c r="AX12" s="17">
        <v>74.5167</v>
      </c>
      <c r="AY12" s="17">
        <v>74.020660000000007</v>
      </c>
      <c r="AZ12" s="17">
        <v>74.457430000000002</v>
      </c>
      <c r="BA12" s="17">
        <v>75.149760000000001</v>
      </c>
      <c r="BB12" s="17">
        <v>75.869209999999995</v>
      </c>
      <c r="BC12" s="17">
        <v>76.293750000000003</v>
      </c>
      <c r="BD12" s="17">
        <v>77.098560000000006</v>
      </c>
      <c r="BE12" s="17">
        <v>77.356489999999994</v>
      </c>
      <c r="BF12" s="17">
        <v>77.587530000000001</v>
      </c>
      <c r="BG12" s="17">
        <v>77.2</v>
      </c>
      <c r="BH12" s="17">
        <v>76.0535</v>
      </c>
      <c r="BI12" s="17">
        <v>76.453329999999994</v>
      </c>
      <c r="BJ12" s="17">
        <v>75.227109999999996</v>
      </c>
      <c r="BK12" s="17">
        <v>75.026809999999998</v>
      </c>
      <c r="BL12" s="17">
        <v>74.226079999999996</v>
      </c>
      <c r="BM12" s="17">
        <v>72.734740000000002</v>
      </c>
      <c r="BN12" s="17">
        <v>73.678039999999996</v>
      </c>
      <c r="BO12" s="17">
        <v>71.948120000000003</v>
      </c>
      <c r="BP12" s="17">
        <v>72.363810000000001</v>
      </c>
      <c r="BQ12" s="17">
        <v>69.528679999999994</v>
      </c>
      <c r="BR12" s="17">
        <v>69.614379999999997</v>
      </c>
      <c r="BS12" s="17">
        <v>65.515950000000004</v>
      </c>
      <c r="BT12" s="17">
        <v>62.612900000000003</v>
      </c>
      <c r="BU12" s="17">
        <v>61.883090000000003</v>
      </c>
      <c r="BV12" s="17">
        <v>59.67933</v>
      </c>
      <c r="BW12" s="17">
        <v>57.030569999999997</v>
      </c>
      <c r="BX12" s="17">
        <v>53.163469999999997</v>
      </c>
      <c r="BY12" s="17">
        <v>48.573779999999999</v>
      </c>
      <c r="BZ12" s="17">
        <v>45.80395</v>
      </c>
      <c r="CA12" s="17">
        <v>40.511200000000002</v>
      </c>
      <c r="CB12" s="17">
        <v>36.725819999999999</v>
      </c>
      <c r="CC12" s="17">
        <v>31.574470000000002</v>
      </c>
      <c r="CD12" s="17">
        <v>30.428640000000001</v>
      </c>
      <c r="CE12" s="17">
        <v>27.251860000000001</v>
      </c>
      <c r="CF12" s="17">
        <v>22.22888</v>
      </c>
      <c r="CG12" s="17">
        <v>19.607839999999999</v>
      </c>
      <c r="CH12" s="17">
        <v>17.857140000000001</v>
      </c>
      <c r="CI12" s="17">
        <v>15.947240000000001</v>
      </c>
      <c r="CJ12" s="17">
        <v>11.882720000000001</v>
      </c>
      <c r="CK12" s="17">
        <v>8.8552900000000001</v>
      </c>
      <c r="CL12" s="17">
        <v>7.3170700000000002</v>
      </c>
      <c r="CM12" s="17">
        <v>6.83453</v>
      </c>
      <c r="CN12" s="17">
        <v>4.0935699999999997</v>
      </c>
      <c r="CO12" s="17">
        <v>3.0821900000000002</v>
      </c>
      <c r="CP12" s="17">
        <v>54.985340000000001</v>
      </c>
      <c r="CQ12" s="17">
        <v>62.873750000000001</v>
      </c>
      <c r="CR12" s="17">
        <v>51.791879999999999</v>
      </c>
      <c r="CS12" s="17">
        <v>29.761140000000001</v>
      </c>
      <c r="CT12" s="17">
        <v>61.569310000000002</v>
      </c>
    </row>
    <row r="13" spans="1:98" x14ac:dyDescent="0.15">
      <c r="A13" s="18" t="s">
        <v>196</v>
      </c>
      <c r="B13" s="18" t="s">
        <v>208</v>
      </c>
      <c r="C13" s="18" t="s">
        <v>153</v>
      </c>
      <c r="D13" s="18" t="s">
        <v>9</v>
      </c>
      <c r="E13" s="18" t="s">
        <v>3</v>
      </c>
      <c r="F13" s="18" t="s">
        <v>155</v>
      </c>
      <c r="G13" s="17">
        <v>9.9403500000000005</v>
      </c>
      <c r="H13" s="17">
        <v>0</v>
      </c>
      <c r="I13" s="17">
        <v>0</v>
      </c>
      <c r="J13" s="17">
        <v>0</v>
      </c>
      <c r="K13" s="17">
        <v>0</v>
      </c>
      <c r="L13" s="17">
        <v>0</v>
      </c>
      <c r="M13" s="17">
        <v>2.3730000000000001E-2</v>
      </c>
      <c r="N13" s="17">
        <v>4.7390000000000002E-2</v>
      </c>
      <c r="O13" s="17">
        <v>0</v>
      </c>
      <c r="P13" s="17">
        <v>2.5479999999999999E-2</v>
      </c>
      <c r="Q13" s="17">
        <v>0</v>
      </c>
      <c r="R13" s="17">
        <v>0</v>
      </c>
      <c r="S13" s="17">
        <v>5.1150000000000001E-2</v>
      </c>
      <c r="T13" s="17">
        <v>5.1990000000000001E-2</v>
      </c>
      <c r="U13" s="17">
        <v>0</v>
      </c>
      <c r="V13" s="17">
        <v>5.2299999999999999E-2</v>
      </c>
      <c r="W13" s="17">
        <v>2.477E-2</v>
      </c>
      <c r="X13" s="17">
        <v>9.758E-2</v>
      </c>
      <c r="Y13" s="17">
        <v>4.929E-2</v>
      </c>
      <c r="Z13" s="17">
        <v>0.16619</v>
      </c>
      <c r="AA13" s="17">
        <v>6.8680000000000005E-2</v>
      </c>
      <c r="AB13" s="17">
        <v>0.13134999999999999</v>
      </c>
      <c r="AC13" s="17">
        <v>0.1087</v>
      </c>
      <c r="AD13" s="17">
        <v>4.369E-2</v>
      </c>
      <c r="AE13" s="17">
        <v>0.25284000000000001</v>
      </c>
      <c r="AF13" s="17">
        <v>0.23469000000000001</v>
      </c>
      <c r="AG13" s="17">
        <v>0.22444</v>
      </c>
      <c r="AH13" s="17">
        <v>0.26824999999999999</v>
      </c>
      <c r="AI13" s="17">
        <v>0.19622000000000001</v>
      </c>
      <c r="AJ13" s="17">
        <v>0.2616</v>
      </c>
      <c r="AK13" s="17">
        <v>0.39676</v>
      </c>
      <c r="AL13" s="17">
        <v>0.59325000000000006</v>
      </c>
      <c r="AM13" s="17">
        <v>0.52363999999999999</v>
      </c>
      <c r="AN13" s="17">
        <v>0.57274000000000003</v>
      </c>
      <c r="AO13" s="17">
        <v>0.69787999999999994</v>
      </c>
      <c r="AP13" s="17">
        <v>0.87624999999999997</v>
      </c>
      <c r="AQ13" s="17">
        <v>0.94432000000000005</v>
      </c>
      <c r="AR13" s="17">
        <v>1.27315</v>
      </c>
      <c r="AS13" s="17">
        <v>1.34948</v>
      </c>
      <c r="AT13" s="17">
        <v>1.69729</v>
      </c>
      <c r="AU13" s="17">
        <v>1.90062</v>
      </c>
      <c r="AV13" s="17">
        <v>1.8748800000000001</v>
      </c>
      <c r="AW13" s="17">
        <v>2.31873</v>
      </c>
      <c r="AX13" s="17">
        <v>2.5971500000000001</v>
      </c>
      <c r="AY13" s="17">
        <v>3.0563899999999999</v>
      </c>
      <c r="AZ13" s="17">
        <v>3.6101800000000002</v>
      </c>
      <c r="BA13" s="17">
        <v>3.6975799999999999</v>
      </c>
      <c r="BB13" s="17">
        <v>4.0769900000000003</v>
      </c>
      <c r="BC13" s="17">
        <v>5.04617</v>
      </c>
      <c r="BD13" s="17">
        <v>4.9390900000000002</v>
      </c>
      <c r="BE13" s="17">
        <v>5.7191299999999998</v>
      </c>
      <c r="BF13" s="17">
        <v>6.5409800000000002</v>
      </c>
      <c r="BG13" s="17">
        <v>7.14</v>
      </c>
      <c r="BH13" s="17">
        <v>7.8783399999999997</v>
      </c>
      <c r="BI13" s="17">
        <v>8.9675399999999996</v>
      </c>
      <c r="BJ13" s="17">
        <v>10.062889999999999</v>
      </c>
      <c r="BK13" s="17">
        <v>11.21495</v>
      </c>
      <c r="BL13" s="17">
        <v>12.43872</v>
      </c>
      <c r="BM13" s="17">
        <v>14.22119</v>
      </c>
      <c r="BN13" s="17">
        <v>14.95181</v>
      </c>
      <c r="BO13" s="17">
        <v>17.166840000000001</v>
      </c>
      <c r="BP13" s="17">
        <v>18.400749999999999</v>
      </c>
      <c r="BQ13" s="17">
        <v>20.789190000000001</v>
      </c>
      <c r="BR13" s="17">
        <v>23.339390000000002</v>
      </c>
      <c r="BS13" s="17">
        <v>26.435269999999999</v>
      </c>
      <c r="BT13" s="17">
        <v>29.615629999999999</v>
      </c>
      <c r="BU13" s="17">
        <v>31.839960000000001</v>
      </c>
      <c r="BV13" s="17">
        <v>33.669829999999997</v>
      </c>
      <c r="BW13" s="17">
        <v>37.001460000000002</v>
      </c>
      <c r="BX13" s="17">
        <v>41.540219999999998</v>
      </c>
      <c r="BY13" s="17">
        <v>46.4893</v>
      </c>
      <c r="BZ13" s="17">
        <v>49.435830000000003</v>
      </c>
      <c r="CA13" s="17">
        <v>54.306719999999999</v>
      </c>
      <c r="CB13" s="17">
        <v>58.855490000000003</v>
      </c>
      <c r="CC13" s="17">
        <v>64.170209999999997</v>
      </c>
      <c r="CD13" s="17">
        <v>66.085729999999998</v>
      </c>
      <c r="CE13" s="17">
        <v>69.191050000000004</v>
      </c>
      <c r="CF13" s="17">
        <v>73.756739999999994</v>
      </c>
      <c r="CG13" s="17">
        <v>76.847660000000005</v>
      </c>
      <c r="CH13" s="17">
        <v>77.976190000000003</v>
      </c>
      <c r="CI13" s="17">
        <v>80.575540000000004</v>
      </c>
      <c r="CJ13" s="17">
        <v>84.722219999999993</v>
      </c>
      <c r="CK13" s="17">
        <v>88.768900000000002</v>
      </c>
      <c r="CL13" s="17">
        <v>91.158540000000002</v>
      </c>
      <c r="CM13" s="17">
        <v>90.287769999999995</v>
      </c>
      <c r="CN13" s="17">
        <v>92.982460000000003</v>
      </c>
      <c r="CO13" s="17">
        <v>95.890410000000003</v>
      </c>
      <c r="CP13" s="17">
        <v>1.04453</v>
      </c>
      <c r="CQ13" s="17">
        <v>27.260269999999998</v>
      </c>
      <c r="CR13" s="17">
        <v>42.001950000000001</v>
      </c>
      <c r="CS13" s="17">
        <v>66.180949999999996</v>
      </c>
      <c r="CT13" s="17">
        <v>1.8940300000000001</v>
      </c>
    </row>
    <row r="14" spans="1:98" x14ac:dyDescent="0.15">
      <c r="A14" s="18" t="s">
        <v>196</v>
      </c>
      <c r="B14" s="18" t="s">
        <v>208</v>
      </c>
      <c r="C14" s="18" t="s">
        <v>153</v>
      </c>
      <c r="D14" s="18" t="s">
        <v>9</v>
      </c>
      <c r="E14" s="18" t="s">
        <v>3</v>
      </c>
      <c r="F14" s="18" t="s">
        <v>154</v>
      </c>
      <c r="G14" s="17">
        <v>5.4616100000000003</v>
      </c>
      <c r="H14" s="17">
        <v>0</v>
      </c>
      <c r="I14" s="17">
        <v>0</v>
      </c>
      <c r="J14" s="17">
        <v>0</v>
      </c>
      <c r="K14" s="17">
        <v>2.5059999999999999E-2</v>
      </c>
      <c r="L14" s="17">
        <v>7.4090000000000003E-2</v>
      </c>
      <c r="M14" s="17">
        <v>0.14238000000000001</v>
      </c>
      <c r="N14" s="17">
        <v>7.109E-2</v>
      </c>
      <c r="O14" s="17">
        <v>0.26308999999999999</v>
      </c>
      <c r="P14" s="17">
        <v>0.30581000000000003</v>
      </c>
      <c r="Q14" s="17">
        <v>0.47464000000000001</v>
      </c>
      <c r="R14" s="17">
        <v>0.76775000000000004</v>
      </c>
      <c r="S14" s="17">
        <v>1.2020500000000001</v>
      </c>
      <c r="T14" s="17">
        <v>1.2997099999999999</v>
      </c>
      <c r="U14" s="17">
        <v>1.64405</v>
      </c>
      <c r="V14" s="17">
        <v>1.46444</v>
      </c>
      <c r="W14" s="17">
        <v>2.00644</v>
      </c>
      <c r="X14" s="17">
        <v>2.73237</v>
      </c>
      <c r="Y14" s="17">
        <v>2.6367699999999998</v>
      </c>
      <c r="Z14" s="17">
        <v>2.9914499999999999</v>
      </c>
      <c r="AA14" s="17">
        <v>3.54853</v>
      </c>
      <c r="AB14" s="17">
        <v>3.6996500000000001</v>
      </c>
      <c r="AC14" s="17">
        <v>4.1304299999999996</v>
      </c>
      <c r="AD14" s="17">
        <v>4.52163</v>
      </c>
      <c r="AE14" s="17">
        <v>4.7618999999999998</v>
      </c>
      <c r="AF14" s="17">
        <v>5.1845499999999998</v>
      </c>
      <c r="AG14" s="17">
        <v>5.16221</v>
      </c>
      <c r="AH14" s="17">
        <v>5.6332599999999999</v>
      </c>
      <c r="AI14" s="17">
        <v>6.4038500000000003</v>
      </c>
      <c r="AJ14" s="17">
        <v>6.1737000000000002</v>
      </c>
      <c r="AK14" s="17">
        <v>6.0340600000000002</v>
      </c>
      <c r="AL14" s="17">
        <v>6.70824</v>
      </c>
      <c r="AM14" s="17">
        <v>7.4472699999999996</v>
      </c>
      <c r="AN14" s="17">
        <v>7.5744600000000002</v>
      </c>
      <c r="AO14" s="17">
        <v>8.0982800000000008</v>
      </c>
      <c r="AP14" s="17">
        <v>8.4550300000000007</v>
      </c>
      <c r="AQ14" s="17">
        <v>8.9058899999999994</v>
      </c>
      <c r="AR14" s="17">
        <v>9.6891499999999997</v>
      </c>
      <c r="AS14" s="17">
        <v>9.5847800000000003</v>
      </c>
      <c r="AT14" s="17">
        <v>9.1863499999999991</v>
      </c>
      <c r="AU14" s="17">
        <v>9.5030900000000003</v>
      </c>
      <c r="AV14" s="17">
        <v>9.7828099999999996</v>
      </c>
      <c r="AW14" s="17">
        <v>9.8251100000000005</v>
      </c>
      <c r="AX14" s="17">
        <v>9.1974199999999993</v>
      </c>
      <c r="AY14" s="17">
        <v>8.4588900000000002</v>
      </c>
      <c r="AZ14" s="17">
        <v>9.6828000000000003</v>
      </c>
      <c r="BA14" s="17">
        <v>9.4195399999999996</v>
      </c>
      <c r="BB14" s="17">
        <v>9.1473499999999994</v>
      </c>
      <c r="BC14" s="17">
        <v>8.1597600000000003</v>
      </c>
      <c r="BD14" s="17">
        <v>8.2170500000000004</v>
      </c>
      <c r="BE14" s="17">
        <v>7.96441</v>
      </c>
      <c r="BF14" s="17">
        <v>7.9838399999999998</v>
      </c>
      <c r="BG14" s="17">
        <v>7.72</v>
      </c>
      <c r="BH14" s="17">
        <v>7.5119100000000003</v>
      </c>
      <c r="BI14" s="17">
        <v>7.1886999999999999</v>
      </c>
      <c r="BJ14" s="17">
        <v>8.0363399999999992</v>
      </c>
      <c r="BK14" s="17">
        <v>7.4459900000000001</v>
      </c>
      <c r="BL14" s="17">
        <v>7.4800399999999998</v>
      </c>
      <c r="BM14" s="17">
        <v>7.3090599999999997</v>
      </c>
      <c r="BN14" s="17">
        <v>6.7856199999999998</v>
      </c>
      <c r="BO14" s="17">
        <v>6.6378399999999997</v>
      </c>
      <c r="BP14" s="17">
        <v>5.1437900000000001</v>
      </c>
      <c r="BQ14" s="17">
        <v>6.2477200000000002</v>
      </c>
      <c r="BR14" s="17">
        <v>4.5225099999999996</v>
      </c>
      <c r="BS14" s="17">
        <v>4.9718600000000004</v>
      </c>
      <c r="BT14" s="17">
        <v>4.9359400000000004</v>
      </c>
      <c r="BU14" s="17">
        <v>4.0009600000000001</v>
      </c>
      <c r="BV14" s="17">
        <v>4.5427600000000004</v>
      </c>
      <c r="BW14" s="17">
        <v>3.7554599999999998</v>
      </c>
      <c r="BX14" s="17">
        <v>3.0918999999999999</v>
      </c>
      <c r="BY14" s="17">
        <v>2.9621499999999998</v>
      </c>
      <c r="BZ14" s="17">
        <v>2.7856100000000001</v>
      </c>
      <c r="CA14" s="17">
        <v>2.9411800000000001</v>
      </c>
      <c r="CB14" s="17">
        <v>2.4628800000000002</v>
      </c>
      <c r="CC14" s="17">
        <v>2.0425499999999999</v>
      </c>
      <c r="CD14" s="17">
        <v>2.0254400000000001</v>
      </c>
      <c r="CE14" s="17">
        <v>1.60643</v>
      </c>
      <c r="CF14" s="17">
        <v>2.1569799999999999</v>
      </c>
      <c r="CG14" s="17">
        <v>2.1116100000000002</v>
      </c>
      <c r="CH14" s="17">
        <v>1.09127</v>
      </c>
      <c r="CI14" s="17">
        <v>1.7985599999999999</v>
      </c>
      <c r="CJ14" s="17">
        <v>2.1604899999999998</v>
      </c>
      <c r="CK14" s="17">
        <v>1.2959000000000001</v>
      </c>
      <c r="CL14" s="17">
        <v>0.60975999999999997</v>
      </c>
      <c r="CM14" s="17">
        <v>1.43885</v>
      </c>
      <c r="CN14" s="17">
        <v>0.58479999999999999</v>
      </c>
      <c r="CO14" s="17">
        <v>1.0274000000000001</v>
      </c>
      <c r="CP14" s="17">
        <v>5.44217</v>
      </c>
      <c r="CQ14" s="17">
        <v>5.4994699999999996</v>
      </c>
      <c r="CR14" s="17">
        <v>3.7478500000000001</v>
      </c>
      <c r="CS14" s="17">
        <v>2.1673</v>
      </c>
      <c r="CT14" s="17">
        <v>6.1067900000000002</v>
      </c>
    </row>
    <row r="15" spans="1:98" x14ac:dyDescent="0.15">
      <c r="A15" s="18" t="s">
        <v>315</v>
      </c>
      <c r="B15" s="18" t="s">
        <v>208</v>
      </c>
      <c r="C15" s="18" t="s">
        <v>153</v>
      </c>
      <c r="D15" s="18" t="s">
        <v>9</v>
      </c>
      <c r="E15" s="18" t="s">
        <v>5</v>
      </c>
      <c r="F15" s="18" t="s">
        <v>157</v>
      </c>
      <c r="G15" s="17">
        <v>32.850740000000002</v>
      </c>
      <c r="H15" s="17">
        <v>99.948319999999995</v>
      </c>
      <c r="I15" s="17">
        <v>100</v>
      </c>
      <c r="J15" s="17">
        <v>99.948430000000002</v>
      </c>
      <c r="K15" s="17">
        <v>99.763260000000002</v>
      </c>
      <c r="L15" s="17">
        <v>99.276349999999994</v>
      </c>
      <c r="M15" s="17">
        <v>98.966849999999994</v>
      </c>
      <c r="N15" s="17">
        <v>98.079499999999996</v>
      </c>
      <c r="O15" s="17">
        <v>96.675299999999993</v>
      </c>
      <c r="P15" s="17">
        <v>95.43974</v>
      </c>
      <c r="Q15" s="17">
        <v>92.062759999999997</v>
      </c>
      <c r="R15" s="17">
        <v>85.541629999999998</v>
      </c>
      <c r="S15" s="17">
        <v>79.076480000000004</v>
      </c>
      <c r="T15" s="17">
        <v>72.835819999999998</v>
      </c>
      <c r="U15" s="17">
        <v>67.740340000000003</v>
      </c>
      <c r="V15" s="17">
        <v>60.332189999999997</v>
      </c>
      <c r="W15" s="17">
        <v>53.635939999999998</v>
      </c>
      <c r="X15" s="17">
        <v>53.517240000000001</v>
      </c>
      <c r="Y15" s="17">
        <v>48.845799999999997</v>
      </c>
      <c r="Z15" s="17">
        <v>48.131059999999998</v>
      </c>
      <c r="AA15" s="17">
        <v>41.696269999999998</v>
      </c>
      <c r="AB15" s="17">
        <v>40.229399999999998</v>
      </c>
      <c r="AC15" s="17">
        <v>37.797249999999998</v>
      </c>
      <c r="AD15" s="17">
        <v>35.847490000000001</v>
      </c>
      <c r="AE15" s="17">
        <v>34.727350000000001</v>
      </c>
      <c r="AF15" s="17">
        <v>34.631489999999999</v>
      </c>
      <c r="AG15" s="17">
        <v>32.445329999999998</v>
      </c>
      <c r="AH15" s="17">
        <v>31.71097</v>
      </c>
      <c r="AI15" s="17">
        <v>31.298749999999998</v>
      </c>
      <c r="AJ15" s="17">
        <v>29.42576</v>
      </c>
      <c r="AK15" s="17">
        <v>30.091570000000001</v>
      </c>
      <c r="AL15" s="17">
        <v>29.257249999999999</v>
      </c>
      <c r="AM15" s="17">
        <v>27.58916</v>
      </c>
      <c r="AN15" s="17">
        <v>26.066220000000001</v>
      </c>
      <c r="AO15" s="17">
        <v>27.84882</v>
      </c>
      <c r="AP15" s="17">
        <v>26.89405</v>
      </c>
      <c r="AQ15" s="17">
        <v>27.08268</v>
      </c>
      <c r="AR15" s="17">
        <v>26.004429999999999</v>
      </c>
      <c r="AS15" s="17">
        <v>24.525700000000001</v>
      </c>
      <c r="AT15" s="17">
        <v>22.642160000000001</v>
      </c>
      <c r="AU15" s="17">
        <v>22.601479999999999</v>
      </c>
      <c r="AV15" s="17">
        <v>21.22016</v>
      </c>
      <c r="AW15" s="17">
        <v>18.974959999999999</v>
      </c>
      <c r="AX15" s="17">
        <v>18.330100000000002</v>
      </c>
      <c r="AY15" s="17">
        <v>19.583690000000001</v>
      </c>
      <c r="AZ15" s="17">
        <v>16.796880000000002</v>
      </c>
      <c r="BA15" s="17">
        <v>16.18929</v>
      </c>
      <c r="BB15" s="17">
        <v>15.400840000000001</v>
      </c>
      <c r="BC15" s="17">
        <v>15.225070000000001</v>
      </c>
      <c r="BD15" s="17">
        <v>13.913819999999999</v>
      </c>
      <c r="BE15" s="17">
        <v>12.581340000000001</v>
      </c>
      <c r="BF15" s="17">
        <v>11.54918</v>
      </c>
      <c r="BG15" s="17">
        <v>11.79111</v>
      </c>
      <c r="BH15" s="17">
        <v>13.261369999999999</v>
      </c>
      <c r="BI15" s="17">
        <v>11.516529999999999</v>
      </c>
      <c r="BJ15" s="17">
        <v>10.0951</v>
      </c>
      <c r="BK15" s="17">
        <v>9.6542700000000004</v>
      </c>
      <c r="BL15" s="17">
        <v>7.9824599999999997</v>
      </c>
      <c r="BM15" s="17">
        <v>7.27379</v>
      </c>
      <c r="BN15" s="17">
        <v>5.5304700000000002</v>
      </c>
      <c r="BO15" s="17">
        <v>5.3472999999999997</v>
      </c>
      <c r="BP15" s="17">
        <v>4.1623299999999999</v>
      </c>
      <c r="BQ15" s="17">
        <v>4.0647000000000002</v>
      </c>
      <c r="BR15" s="17">
        <v>2.89256</v>
      </c>
      <c r="BS15" s="17">
        <v>3.45871</v>
      </c>
      <c r="BT15" s="17">
        <v>2.6858499999999998</v>
      </c>
      <c r="BU15" s="17">
        <v>2.0948199999999999</v>
      </c>
      <c r="BV15" s="17">
        <v>1.18632</v>
      </c>
      <c r="BW15" s="17">
        <v>1.4946600000000001</v>
      </c>
      <c r="BX15" s="17">
        <v>1.3748199999999999</v>
      </c>
      <c r="BY15" s="17">
        <v>1.53173</v>
      </c>
      <c r="BZ15" s="17">
        <v>1.2855799999999999</v>
      </c>
      <c r="CA15" s="17">
        <v>1.3766</v>
      </c>
      <c r="CB15" s="17">
        <v>1.91011</v>
      </c>
      <c r="CC15" s="17">
        <v>2.1834099999999999</v>
      </c>
      <c r="CD15" s="17">
        <v>0.76453000000000004</v>
      </c>
      <c r="CE15" s="17">
        <v>1.1695899999999999</v>
      </c>
      <c r="CF15" s="17">
        <v>0</v>
      </c>
      <c r="CG15" s="17">
        <v>0.28902</v>
      </c>
      <c r="CH15" s="17">
        <v>0.81301000000000001</v>
      </c>
      <c r="CI15" s="17">
        <v>1.51515</v>
      </c>
      <c r="CJ15" s="17">
        <v>0.87719000000000003</v>
      </c>
      <c r="CK15" s="17">
        <v>2.1052599999999999</v>
      </c>
      <c r="CL15" s="17">
        <v>0</v>
      </c>
      <c r="CM15" s="17">
        <v>0</v>
      </c>
      <c r="CN15" s="17">
        <v>0</v>
      </c>
      <c r="CO15" s="17">
        <v>0</v>
      </c>
      <c r="CP15" s="17">
        <v>44.26247</v>
      </c>
      <c r="CQ15" s="17">
        <v>6.0190000000000001</v>
      </c>
      <c r="CR15" s="17">
        <v>2.3154300000000001</v>
      </c>
      <c r="CS15" s="17">
        <v>1.24359</v>
      </c>
      <c r="CT15" s="17">
        <v>36.485210000000002</v>
      </c>
    </row>
    <row r="16" spans="1:98" x14ac:dyDescent="0.15">
      <c r="A16" s="18" t="s">
        <v>196</v>
      </c>
      <c r="B16" s="18" t="s">
        <v>208</v>
      </c>
      <c r="C16" s="18" t="s">
        <v>153</v>
      </c>
      <c r="D16" s="18" t="s">
        <v>9</v>
      </c>
      <c r="E16" s="18" t="s">
        <v>5</v>
      </c>
      <c r="F16" s="18" t="s">
        <v>156</v>
      </c>
      <c r="G16" s="17">
        <v>59.488860000000003</v>
      </c>
      <c r="H16" s="17">
        <v>5.1679999999999997E-2</v>
      </c>
      <c r="I16" s="17">
        <v>0</v>
      </c>
      <c r="J16" s="17">
        <v>5.1569999999999998E-2</v>
      </c>
      <c r="K16" s="17">
        <v>0.18939</v>
      </c>
      <c r="L16" s="17">
        <v>0.67842999999999998</v>
      </c>
      <c r="M16" s="17">
        <v>0.94704999999999995</v>
      </c>
      <c r="N16" s="17">
        <v>1.78651</v>
      </c>
      <c r="O16" s="17">
        <v>3.1519900000000001</v>
      </c>
      <c r="P16" s="17">
        <v>4.5137299999999998</v>
      </c>
      <c r="Q16" s="17">
        <v>7.6603599999999998</v>
      </c>
      <c r="R16" s="17">
        <v>13.96598</v>
      </c>
      <c r="S16" s="17">
        <v>20.298220000000001</v>
      </c>
      <c r="T16" s="17">
        <v>26.467659999999999</v>
      </c>
      <c r="U16" s="17">
        <v>31.020810000000001</v>
      </c>
      <c r="V16" s="17">
        <v>38.739620000000002</v>
      </c>
      <c r="W16" s="17">
        <v>45.298749999999998</v>
      </c>
      <c r="X16" s="17">
        <v>44.919539999999998</v>
      </c>
      <c r="Y16" s="17">
        <v>49.215139999999998</v>
      </c>
      <c r="Z16" s="17">
        <v>49.976930000000003</v>
      </c>
      <c r="AA16" s="17">
        <v>55.550620000000002</v>
      </c>
      <c r="AB16" s="17">
        <v>57.476640000000003</v>
      </c>
      <c r="AC16" s="17">
        <v>59.699620000000003</v>
      </c>
      <c r="AD16" s="17">
        <v>61.458770000000001</v>
      </c>
      <c r="AE16" s="17">
        <v>61.33661</v>
      </c>
      <c r="AF16" s="17">
        <v>61.180900000000001</v>
      </c>
      <c r="AG16" s="17">
        <v>63.499009999999998</v>
      </c>
      <c r="AH16" s="17">
        <v>64.095839999999995</v>
      </c>
      <c r="AI16" s="17">
        <v>63.513060000000003</v>
      </c>
      <c r="AJ16" s="17">
        <v>66.055049999999994</v>
      </c>
      <c r="AK16" s="17">
        <v>65.614149999999995</v>
      </c>
      <c r="AL16" s="17">
        <v>65.338160000000002</v>
      </c>
      <c r="AM16" s="17">
        <v>66.619119999999995</v>
      </c>
      <c r="AN16" s="17">
        <v>68.686869999999999</v>
      </c>
      <c r="AO16" s="17">
        <v>65.984650000000002</v>
      </c>
      <c r="AP16" s="17">
        <v>66.163600000000002</v>
      </c>
      <c r="AQ16" s="17">
        <v>65.741029999999995</v>
      </c>
      <c r="AR16" s="17">
        <v>64.821259999999995</v>
      </c>
      <c r="AS16" s="17">
        <v>67.264570000000006</v>
      </c>
      <c r="AT16" s="17">
        <v>69.313450000000003</v>
      </c>
      <c r="AU16" s="17">
        <v>68.311809999999994</v>
      </c>
      <c r="AV16" s="17">
        <v>70.140199999999993</v>
      </c>
      <c r="AW16" s="17">
        <v>71.870109999999997</v>
      </c>
      <c r="AX16" s="17">
        <v>72.737859999999998</v>
      </c>
      <c r="AY16" s="17">
        <v>72.344939999999994</v>
      </c>
      <c r="AZ16" s="17">
        <v>73.914929999999998</v>
      </c>
      <c r="BA16" s="17">
        <v>74.387709999999998</v>
      </c>
      <c r="BB16" s="17">
        <v>74.135019999999997</v>
      </c>
      <c r="BC16" s="17">
        <v>75.860550000000003</v>
      </c>
      <c r="BD16" s="17">
        <v>75.673249999999996</v>
      </c>
      <c r="BE16" s="17">
        <v>77.266810000000007</v>
      </c>
      <c r="BF16" s="17">
        <v>78.813220000000001</v>
      </c>
      <c r="BG16" s="17">
        <v>78.335369999999998</v>
      </c>
      <c r="BH16" s="17">
        <v>75.674629999999993</v>
      </c>
      <c r="BI16" s="17">
        <v>78.335229999999996</v>
      </c>
      <c r="BJ16" s="17">
        <v>78.017560000000003</v>
      </c>
      <c r="BK16" s="17">
        <v>79.125900000000001</v>
      </c>
      <c r="BL16" s="17">
        <v>79.795320000000004</v>
      </c>
      <c r="BM16" s="17">
        <v>79.778880000000001</v>
      </c>
      <c r="BN16" s="17">
        <v>82.279910000000001</v>
      </c>
      <c r="BO16" s="17">
        <v>81.532520000000005</v>
      </c>
      <c r="BP16" s="17">
        <v>85.067639999999997</v>
      </c>
      <c r="BQ16" s="17">
        <v>83.119039999999998</v>
      </c>
      <c r="BR16" s="17">
        <v>84.756659999999997</v>
      </c>
      <c r="BS16" s="17">
        <v>83.268479999999997</v>
      </c>
      <c r="BT16" s="17">
        <v>82.014390000000006</v>
      </c>
      <c r="BU16" s="17">
        <v>83.186329999999998</v>
      </c>
      <c r="BV16" s="17">
        <v>84.228890000000007</v>
      </c>
      <c r="BW16" s="17">
        <v>80.142349999999993</v>
      </c>
      <c r="BX16" s="17">
        <v>80.463099999999997</v>
      </c>
      <c r="BY16" s="17">
        <v>81.619259999999997</v>
      </c>
      <c r="BZ16" s="17">
        <v>76.124889999999994</v>
      </c>
      <c r="CA16" s="17">
        <v>75.909540000000007</v>
      </c>
      <c r="CB16" s="17">
        <v>73.70787</v>
      </c>
      <c r="CC16" s="17">
        <v>69.577870000000004</v>
      </c>
      <c r="CD16" s="17">
        <v>69.571870000000004</v>
      </c>
      <c r="CE16" s="17">
        <v>66.861599999999996</v>
      </c>
      <c r="CF16" s="17">
        <v>60.919539999999998</v>
      </c>
      <c r="CG16" s="17">
        <v>57.803469999999997</v>
      </c>
      <c r="CH16" s="17">
        <v>56.097560000000001</v>
      </c>
      <c r="CI16" s="17">
        <v>55.55556</v>
      </c>
      <c r="CJ16" s="17">
        <v>47.36842</v>
      </c>
      <c r="CK16" s="17">
        <v>32.63158</v>
      </c>
      <c r="CL16" s="17">
        <v>38</v>
      </c>
      <c r="CM16" s="17">
        <v>47.36842</v>
      </c>
      <c r="CN16" s="17">
        <v>31.578949999999999</v>
      </c>
      <c r="CO16" s="17">
        <v>19.047619999999998</v>
      </c>
      <c r="CP16" s="17">
        <v>51.114899999999999</v>
      </c>
      <c r="CQ16" s="17">
        <v>79.178079999999994</v>
      </c>
      <c r="CR16" s="17">
        <v>79.10454</v>
      </c>
      <c r="CS16" s="17">
        <v>68.117519999999999</v>
      </c>
      <c r="CT16" s="17">
        <v>57.920180000000002</v>
      </c>
    </row>
    <row r="17" spans="1:98" x14ac:dyDescent="0.15">
      <c r="A17" s="18" t="s">
        <v>196</v>
      </c>
      <c r="B17" s="18" t="s">
        <v>208</v>
      </c>
      <c r="C17" s="18" t="s">
        <v>153</v>
      </c>
      <c r="D17" s="18" t="s">
        <v>9</v>
      </c>
      <c r="E17" s="18" t="s">
        <v>5</v>
      </c>
      <c r="F17" s="18" t="s">
        <v>155</v>
      </c>
      <c r="G17" s="17">
        <v>3.2162099999999998</v>
      </c>
      <c r="H17" s="17">
        <v>0</v>
      </c>
      <c r="I17" s="17">
        <v>0</v>
      </c>
      <c r="J17" s="17">
        <v>0</v>
      </c>
      <c r="K17" s="17">
        <v>0</v>
      </c>
      <c r="L17" s="17">
        <v>0</v>
      </c>
      <c r="M17" s="17">
        <v>0</v>
      </c>
      <c r="N17" s="17">
        <v>8.9330000000000007E-2</v>
      </c>
      <c r="O17" s="17">
        <v>0</v>
      </c>
      <c r="P17" s="17">
        <v>0</v>
      </c>
      <c r="Q17" s="17">
        <v>0</v>
      </c>
      <c r="R17" s="17">
        <v>0</v>
      </c>
      <c r="S17" s="17">
        <v>0</v>
      </c>
      <c r="T17" s="17">
        <v>0</v>
      </c>
      <c r="U17" s="17">
        <v>0</v>
      </c>
      <c r="V17" s="17">
        <v>0</v>
      </c>
      <c r="W17" s="17">
        <v>4.632E-2</v>
      </c>
      <c r="X17" s="17">
        <v>4.598E-2</v>
      </c>
      <c r="Y17" s="17">
        <v>0</v>
      </c>
      <c r="Z17" s="17">
        <v>4.6149999999999997E-2</v>
      </c>
      <c r="AA17" s="17">
        <v>4.4400000000000002E-2</v>
      </c>
      <c r="AB17" s="17">
        <v>8.4959999999999994E-2</v>
      </c>
      <c r="AC17" s="17">
        <v>4.172E-2</v>
      </c>
      <c r="AD17" s="17">
        <v>0</v>
      </c>
      <c r="AE17" s="17">
        <v>8.2000000000000003E-2</v>
      </c>
      <c r="AF17" s="17">
        <v>8.3750000000000005E-2</v>
      </c>
      <c r="AG17" s="17">
        <v>0.11928</v>
      </c>
      <c r="AH17" s="17">
        <v>3.7440000000000001E-2</v>
      </c>
      <c r="AI17" s="17">
        <v>0.10173</v>
      </c>
      <c r="AJ17" s="17">
        <v>0.10194</v>
      </c>
      <c r="AK17" s="17">
        <v>9.4729999999999995E-2</v>
      </c>
      <c r="AL17" s="17">
        <v>0.39251000000000003</v>
      </c>
      <c r="AM17" s="17">
        <v>0.25678000000000001</v>
      </c>
      <c r="AN17" s="17">
        <v>8.4180000000000005E-2</v>
      </c>
      <c r="AO17" s="17">
        <v>0.25574999999999998</v>
      </c>
      <c r="AP17" s="17">
        <v>0.45276</v>
      </c>
      <c r="AQ17" s="17">
        <v>0.46801999999999999</v>
      </c>
      <c r="AR17" s="17">
        <v>0.44290000000000002</v>
      </c>
      <c r="AS17" s="17">
        <v>0.48293000000000003</v>
      </c>
      <c r="AT17" s="17">
        <v>0.58945999999999998</v>
      </c>
      <c r="AU17" s="17">
        <v>1.24539</v>
      </c>
      <c r="AV17" s="17">
        <v>0.60629</v>
      </c>
      <c r="AW17" s="17">
        <v>1.17371</v>
      </c>
      <c r="AX17" s="17">
        <v>1.1262099999999999</v>
      </c>
      <c r="AY17" s="17">
        <v>1.31691</v>
      </c>
      <c r="AZ17" s="17">
        <v>1.1284700000000001</v>
      </c>
      <c r="BA17" s="17">
        <v>1.4944</v>
      </c>
      <c r="BB17" s="17">
        <v>2.06751</v>
      </c>
      <c r="BC17" s="17">
        <v>1.8534900000000001</v>
      </c>
      <c r="BD17" s="17">
        <v>2.4685800000000002</v>
      </c>
      <c r="BE17" s="17">
        <v>2.29935</v>
      </c>
      <c r="BF17" s="17">
        <v>2.7080799999999998</v>
      </c>
      <c r="BG17" s="17">
        <v>3.1823700000000001</v>
      </c>
      <c r="BH17" s="17">
        <v>3.70085</v>
      </c>
      <c r="BI17" s="17">
        <v>4.0288899999999996</v>
      </c>
      <c r="BJ17" s="17">
        <v>4.7183599999999997</v>
      </c>
      <c r="BK17" s="17">
        <v>4.4357499999999996</v>
      </c>
      <c r="BL17" s="17">
        <v>5.1462000000000003</v>
      </c>
      <c r="BM17" s="17">
        <v>6.8373600000000003</v>
      </c>
      <c r="BN17" s="17">
        <v>5.9537199999999997</v>
      </c>
      <c r="BO17" s="17">
        <v>7.16648</v>
      </c>
      <c r="BP17" s="17">
        <v>7.1279899999999996</v>
      </c>
      <c r="BQ17" s="17">
        <v>7.0095400000000003</v>
      </c>
      <c r="BR17" s="17">
        <v>8.9531700000000001</v>
      </c>
      <c r="BS17" s="17">
        <v>8.9061800000000009</v>
      </c>
      <c r="BT17" s="17">
        <v>10.791370000000001</v>
      </c>
      <c r="BU17" s="17">
        <v>11.300990000000001</v>
      </c>
      <c r="BV17" s="17">
        <v>11.51431</v>
      </c>
      <c r="BW17" s="17">
        <v>14.51957</v>
      </c>
      <c r="BX17" s="17">
        <v>15.26773</v>
      </c>
      <c r="BY17" s="17">
        <v>15.17141</v>
      </c>
      <c r="BZ17" s="17">
        <v>21.946739999999998</v>
      </c>
      <c r="CA17" s="17">
        <v>20.452310000000001</v>
      </c>
      <c r="CB17" s="17">
        <v>22.92135</v>
      </c>
      <c r="CC17" s="17">
        <v>26.637550000000001</v>
      </c>
      <c r="CD17" s="17">
        <v>28.440370000000001</v>
      </c>
      <c r="CE17" s="17">
        <v>30.799219999999998</v>
      </c>
      <c r="CF17" s="17">
        <v>36.781610000000001</v>
      </c>
      <c r="CG17" s="17">
        <v>41.329479999999997</v>
      </c>
      <c r="CH17" s="17">
        <v>42.682929999999999</v>
      </c>
      <c r="CI17" s="17">
        <v>41.91919</v>
      </c>
      <c r="CJ17" s="17">
        <v>51.754390000000001</v>
      </c>
      <c r="CK17" s="17">
        <v>65.263159999999999</v>
      </c>
      <c r="CL17" s="17">
        <v>62</v>
      </c>
      <c r="CM17" s="17">
        <v>52.63158</v>
      </c>
      <c r="CN17" s="17">
        <v>68.421049999999994</v>
      </c>
      <c r="CO17" s="17">
        <v>80.952380000000005</v>
      </c>
      <c r="CP17" s="17">
        <v>0.42491000000000001</v>
      </c>
      <c r="CQ17" s="17">
        <v>9.7792200000000005</v>
      </c>
      <c r="CR17" s="17">
        <v>15.40793</v>
      </c>
      <c r="CS17" s="17">
        <v>29.348669999999998</v>
      </c>
      <c r="CT17" s="17">
        <v>0.79091999999999996</v>
      </c>
    </row>
    <row r="18" spans="1:98" x14ac:dyDescent="0.15">
      <c r="A18" s="18" t="s">
        <v>196</v>
      </c>
      <c r="B18" s="18" t="s">
        <v>208</v>
      </c>
      <c r="C18" s="18" t="s">
        <v>153</v>
      </c>
      <c r="D18" s="18" t="s">
        <v>9</v>
      </c>
      <c r="E18" s="18" t="s">
        <v>5</v>
      </c>
      <c r="F18" s="18" t="s">
        <v>154</v>
      </c>
      <c r="G18" s="17">
        <v>4.4441899999999999</v>
      </c>
      <c r="H18" s="17">
        <v>0</v>
      </c>
      <c r="I18" s="17">
        <v>0</v>
      </c>
      <c r="J18" s="17">
        <v>0</v>
      </c>
      <c r="K18" s="17">
        <v>4.7350000000000003E-2</v>
      </c>
      <c r="L18" s="17">
        <v>4.5229999999999999E-2</v>
      </c>
      <c r="M18" s="17">
        <v>8.6099999999999996E-2</v>
      </c>
      <c r="N18" s="17">
        <v>4.4659999999999998E-2</v>
      </c>
      <c r="O18" s="17">
        <v>0.17271</v>
      </c>
      <c r="P18" s="17">
        <v>4.6530000000000002E-2</v>
      </c>
      <c r="Q18" s="17">
        <v>0.27688000000000001</v>
      </c>
      <c r="R18" s="17">
        <v>0.49238999999999999</v>
      </c>
      <c r="S18" s="17">
        <v>0.62529999999999997</v>
      </c>
      <c r="T18" s="17">
        <v>0.69652000000000003</v>
      </c>
      <c r="U18" s="17">
        <v>1.23885</v>
      </c>
      <c r="V18" s="17">
        <v>0.92818999999999996</v>
      </c>
      <c r="W18" s="17">
        <v>1.0189900000000001</v>
      </c>
      <c r="X18" s="17">
        <v>1.5172399999999999</v>
      </c>
      <c r="Y18" s="17">
        <v>1.93906</v>
      </c>
      <c r="Z18" s="17">
        <v>1.8458699999999999</v>
      </c>
      <c r="AA18" s="17">
        <v>2.7086999999999999</v>
      </c>
      <c r="AB18" s="17">
        <v>2.2090100000000001</v>
      </c>
      <c r="AC18" s="17">
        <v>2.4614099999999999</v>
      </c>
      <c r="AD18" s="17">
        <v>2.69374</v>
      </c>
      <c r="AE18" s="17">
        <v>3.8540399999999999</v>
      </c>
      <c r="AF18" s="17">
        <v>4.1038500000000004</v>
      </c>
      <c r="AG18" s="17">
        <v>3.9363800000000002</v>
      </c>
      <c r="AH18" s="17">
        <v>4.1557500000000003</v>
      </c>
      <c r="AI18" s="17">
        <v>5.0864700000000003</v>
      </c>
      <c r="AJ18" s="17">
        <v>4.4172599999999997</v>
      </c>
      <c r="AK18" s="17">
        <v>4.19956</v>
      </c>
      <c r="AL18" s="17">
        <v>5.0120800000000001</v>
      </c>
      <c r="AM18" s="17">
        <v>5.5349500000000003</v>
      </c>
      <c r="AN18" s="17">
        <v>5.1627400000000003</v>
      </c>
      <c r="AO18" s="17">
        <v>5.9107700000000003</v>
      </c>
      <c r="AP18" s="17">
        <v>6.4895899999999997</v>
      </c>
      <c r="AQ18" s="17">
        <v>6.7082699999999997</v>
      </c>
      <c r="AR18" s="17">
        <v>8.7314100000000003</v>
      </c>
      <c r="AS18" s="17">
        <v>7.7267999999999999</v>
      </c>
      <c r="AT18" s="17">
        <v>7.4549200000000004</v>
      </c>
      <c r="AU18" s="17">
        <v>7.8413300000000001</v>
      </c>
      <c r="AV18" s="17">
        <v>8.0333500000000004</v>
      </c>
      <c r="AW18" s="17">
        <v>7.9812200000000004</v>
      </c>
      <c r="AX18" s="17">
        <v>7.8058300000000003</v>
      </c>
      <c r="AY18" s="17">
        <v>6.7544599999999999</v>
      </c>
      <c r="AZ18" s="17">
        <v>8.1597200000000001</v>
      </c>
      <c r="BA18" s="17">
        <v>7.9286000000000003</v>
      </c>
      <c r="BB18" s="17">
        <v>8.3966200000000004</v>
      </c>
      <c r="BC18" s="17">
        <v>7.0609000000000002</v>
      </c>
      <c r="BD18" s="17">
        <v>7.9443400000000004</v>
      </c>
      <c r="BE18" s="17">
        <v>7.8524900000000004</v>
      </c>
      <c r="BF18" s="17">
        <v>6.9295099999999996</v>
      </c>
      <c r="BG18" s="17">
        <v>6.6911500000000004</v>
      </c>
      <c r="BH18" s="17">
        <v>7.3631500000000001</v>
      </c>
      <c r="BI18" s="17">
        <v>6.1193499999999998</v>
      </c>
      <c r="BJ18" s="17">
        <v>7.1689800000000004</v>
      </c>
      <c r="BK18" s="17">
        <v>6.7840800000000003</v>
      </c>
      <c r="BL18" s="17">
        <v>7.0760199999999998</v>
      </c>
      <c r="BM18" s="17">
        <v>6.1099800000000002</v>
      </c>
      <c r="BN18" s="17">
        <v>6.2358900000000004</v>
      </c>
      <c r="BO18" s="17">
        <v>5.9536899999999999</v>
      </c>
      <c r="BP18" s="17">
        <v>3.6420400000000002</v>
      </c>
      <c r="BQ18" s="17">
        <v>5.8067200000000003</v>
      </c>
      <c r="BR18" s="17">
        <v>3.3976099999999998</v>
      </c>
      <c r="BS18" s="17">
        <v>4.3666200000000002</v>
      </c>
      <c r="BT18" s="17">
        <v>4.5083900000000003</v>
      </c>
      <c r="BU18" s="17">
        <v>3.4178600000000001</v>
      </c>
      <c r="BV18" s="17">
        <v>3.0704799999999999</v>
      </c>
      <c r="BW18" s="17">
        <v>3.8434200000000001</v>
      </c>
      <c r="BX18" s="17">
        <v>2.8943599999999998</v>
      </c>
      <c r="BY18" s="17">
        <v>1.67761</v>
      </c>
      <c r="BZ18" s="17">
        <v>0.64278999999999997</v>
      </c>
      <c r="CA18" s="17">
        <v>2.2615500000000002</v>
      </c>
      <c r="CB18" s="17">
        <v>1.4606699999999999</v>
      </c>
      <c r="CC18" s="17">
        <v>1.6011599999999999</v>
      </c>
      <c r="CD18" s="17">
        <v>1.2232400000000001</v>
      </c>
      <c r="CE18" s="17">
        <v>1.1695899999999999</v>
      </c>
      <c r="CF18" s="17">
        <v>2.2988499999999998</v>
      </c>
      <c r="CG18" s="17">
        <v>0.57803000000000004</v>
      </c>
      <c r="CH18" s="17">
        <v>0.40649999999999997</v>
      </c>
      <c r="CI18" s="17">
        <v>1.0101</v>
      </c>
      <c r="CJ18" s="17">
        <v>0</v>
      </c>
      <c r="CK18" s="17">
        <v>0</v>
      </c>
      <c r="CL18" s="17">
        <v>0</v>
      </c>
      <c r="CM18" s="17">
        <v>0</v>
      </c>
      <c r="CN18" s="17">
        <v>0</v>
      </c>
      <c r="CO18" s="17">
        <v>0</v>
      </c>
      <c r="CP18" s="17">
        <v>4.19773</v>
      </c>
      <c r="CQ18" s="17">
        <v>5.0236999999999998</v>
      </c>
      <c r="CR18" s="17">
        <v>3.1720999999999999</v>
      </c>
      <c r="CS18" s="17">
        <v>1.2902199999999999</v>
      </c>
      <c r="CT18" s="17">
        <v>4.8036899999999996</v>
      </c>
    </row>
    <row r="19" spans="1:98" x14ac:dyDescent="0.15">
      <c r="A19" s="18" t="s">
        <v>196</v>
      </c>
      <c r="B19" s="18" t="s">
        <v>208</v>
      </c>
      <c r="C19" s="18" t="s">
        <v>153</v>
      </c>
      <c r="D19" s="18" t="s">
        <v>9</v>
      </c>
      <c r="E19" s="18" t="s">
        <v>4</v>
      </c>
      <c r="F19" s="18" t="s">
        <v>157</v>
      </c>
      <c r="G19" s="17">
        <v>21.353619999999999</v>
      </c>
      <c r="H19" s="17">
        <v>100</v>
      </c>
      <c r="I19" s="17">
        <v>100</v>
      </c>
      <c r="J19" s="17">
        <v>99.83793</v>
      </c>
      <c r="K19" s="17">
        <v>99.787009999999995</v>
      </c>
      <c r="L19" s="17">
        <v>99.129490000000004</v>
      </c>
      <c r="M19" s="17">
        <v>98.254890000000003</v>
      </c>
      <c r="N19" s="17">
        <v>97.072190000000006</v>
      </c>
      <c r="O19" s="17">
        <v>93.941019999999995</v>
      </c>
      <c r="P19" s="17">
        <v>89.85915</v>
      </c>
      <c r="Q19" s="17">
        <v>84.531589999999994</v>
      </c>
      <c r="R19" s="17">
        <v>77.145809999999997</v>
      </c>
      <c r="S19" s="17">
        <v>67.012559999999993</v>
      </c>
      <c r="T19" s="17">
        <v>57.158410000000003</v>
      </c>
      <c r="U19" s="17">
        <v>52.701210000000003</v>
      </c>
      <c r="V19" s="17">
        <v>43.950479999999999</v>
      </c>
      <c r="W19" s="17">
        <v>38.871139999999997</v>
      </c>
      <c r="X19" s="17">
        <v>36.382539999999999</v>
      </c>
      <c r="Y19" s="17">
        <v>31.871040000000001</v>
      </c>
      <c r="Z19" s="17">
        <v>30.611249999999998</v>
      </c>
      <c r="AA19" s="17">
        <v>28.071829999999999</v>
      </c>
      <c r="AB19" s="17">
        <v>25.880759999999999</v>
      </c>
      <c r="AC19" s="17">
        <v>23.059460000000001</v>
      </c>
      <c r="AD19" s="17">
        <v>21.293299999999999</v>
      </c>
      <c r="AE19" s="17">
        <v>19.765930000000001</v>
      </c>
      <c r="AF19" s="17">
        <v>20.574159999999999</v>
      </c>
      <c r="AG19" s="17">
        <v>19.5306</v>
      </c>
      <c r="AH19" s="17">
        <v>18.720569999999999</v>
      </c>
      <c r="AI19" s="17">
        <v>18.291309999999999</v>
      </c>
      <c r="AJ19" s="17">
        <v>18.022210000000001</v>
      </c>
      <c r="AK19" s="17">
        <v>16.89799</v>
      </c>
      <c r="AL19" s="17">
        <v>17.5046</v>
      </c>
      <c r="AM19" s="17">
        <v>16.261130000000001</v>
      </c>
      <c r="AN19" s="17">
        <v>15.994149999999999</v>
      </c>
      <c r="AO19" s="17">
        <v>15.36171</v>
      </c>
      <c r="AP19" s="17">
        <v>15.13158</v>
      </c>
      <c r="AQ19" s="17">
        <v>14.470549999999999</v>
      </c>
      <c r="AR19" s="17">
        <v>14.30551</v>
      </c>
      <c r="AS19" s="17">
        <v>12.912179999999999</v>
      </c>
      <c r="AT19" s="17">
        <v>12.963620000000001</v>
      </c>
      <c r="AU19" s="17">
        <v>12.41473</v>
      </c>
      <c r="AV19" s="17">
        <v>10.91703</v>
      </c>
      <c r="AW19" s="17">
        <v>9.5144099999999998</v>
      </c>
      <c r="AX19" s="17">
        <v>8.9945000000000004</v>
      </c>
      <c r="AY19" s="17">
        <v>9.2059300000000004</v>
      </c>
      <c r="AZ19" s="17">
        <v>8.0385899999999992</v>
      </c>
      <c r="BA19" s="17">
        <v>7.3190799999999996</v>
      </c>
      <c r="BB19" s="17">
        <v>6.5800200000000002</v>
      </c>
      <c r="BC19" s="17">
        <v>6.0225799999999996</v>
      </c>
      <c r="BD19" s="17">
        <v>5.6843000000000004</v>
      </c>
      <c r="BE19" s="17">
        <v>5.5049700000000001</v>
      </c>
      <c r="BF19" s="17">
        <v>4.4659500000000003</v>
      </c>
      <c r="BG19" s="17">
        <v>4.2369599999999998</v>
      </c>
      <c r="BH19" s="17">
        <v>4.2946900000000001</v>
      </c>
      <c r="BI19" s="17">
        <v>3.54359</v>
      </c>
      <c r="BJ19" s="17">
        <v>3.54515</v>
      </c>
      <c r="BK19" s="17">
        <v>3.3516300000000001</v>
      </c>
      <c r="BL19" s="17">
        <v>3.8988999999999998</v>
      </c>
      <c r="BM19" s="17">
        <v>4.3680500000000002</v>
      </c>
      <c r="BN19" s="17">
        <v>3.7735799999999999</v>
      </c>
      <c r="BO19" s="17">
        <v>3.3050000000000002</v>
      </c>
      <c r="BP19" s="17">
        <v>4.0339700000000001</v>
      </c>
      <c r="BQ19" s="17">
        <v>2.9382999999999999</v>
      </c>
      <c r="BR19" s="17">
        <v>2.2342300000000002</v>
      </c>
      <c r="BS19" s="17">
        <v>2.7842199999999999</v>
      </c>
      <c r="BT19" s="17">
        <v>2.9521700000000002</v>
      </c>
      <c r="BU19" s="17">
        <v>2.4152499999999999</v>
      </c>
      <c r="BV19" s="17">
        <v>2.7907000000000002</v>
      </c>
      <c r="BW19" s="17">
        <v>2.7093600000000002</v>
      </c>
      <c r="BX19" s="17">
        <v>2.7475100000000001</v>
      </c>
      <c r="BY19" s="17">
        <v>2.2417600000000002</v>
      </c>
      <c r="BZ19" s="17">
        <v>2.4041199999999998</v>
      </c>
      <c r="CA19" s="17">
        <v>2.7188699999999999</v>
      </c>
      <c r="CB19" s="17">
        <v>1.9775499999999999</v>
      </c>
      <c r="CC19" s="17">
        <v>2.2248899999999998</v>
      </c>
      <c r="CD19" s="17">
        <v>1.7699100000000001</v>
      </c>
      <c r="CE19" s="17">
        <v>2.2764199999999999</v>
      </c>
      <c r="CF19" s="17">
        <v>2.5121600000000002</v>
      </c>
      <c r="CG19" s="17">
        <v>1.83673</v>
      </c>
      <c r="CH19" s="17">
        <v>3.8057699999999999</v>
      </c>
      <c r="CI19" s="17">
        <v>1.72956</v>
      </c>
      <c r="CJ19" s="17">
        <v>1.3108599999999999</v>
      </c>
      <c r="CK19" s="17">
        <v>0.81521999999999994</v>
      </c>
      <c r="CL19" s="17">
        <v>1.07914</v>
      </c>
      <c r="CM19" s="17">
        <v>1.6666700000000001</v>
      </c>
      <c r="CN19" s="17">
        <v>2.63158</v>
      </c>
      <c r="CO19" s="17">
        <v>0</v>
      </c>
      <c r="CP19" s="17">
        <v>32.423560000000002</v>
      </c>
      <c r="CQ19" s="17">
        <v>3.1352500000000001</v>
      </c>
      <c r="CR19" s="17">
        <v>2.54705</v>
      </c>
      <c r="CS19" s="17">
        <v>2.16351</v>
      </c>
      <c r="CT19" s="17">
        <v>24.100809999999999</v>
      </c>
    </row>
    <row r="20" spans="1:98" x14ac:dyDescent="0.15">
      <c r="A20" s="18" t="s">
        <v>196</v>
      </c>
      <c r="B20" s="18" t="s">
        <v>208</v>
      </c>
      <c r="C20" s="18" t="s">
        <v>153</v>
      </c>
      <c r="D20" s="18" t="s">
        <v>9</v>
      </c>
      <c r="E20" s="18" t="s">
        <v>4</v>
      </c>
      <c r="F20" s="18" t="s">
        <v>156</v>
      </c>
      <c r="G20" s="17">
        <v>55.938090000000003</v>
      </c>
      <c r="H20" s="17">
        <v>0</v>
      </c>
      <c r="I20" s="17">
        <v>0</v>
      </c>
      <c r="J20" s="17">
        <v>0.16206999999999999</v>
      </c>
      <c r="K20" s="17">
        <v>0.21299000000000001</v>
      </c>
      <c r="L20" s="17">
        <v>0.76170000000000004</v>
      </c>
      <c r="M20" s="17">
        <v>1.4806999999999999</v>
      </c>
      <c r="N20" s="17">
        <v>2.8268599999999999</v>
      </c>
      <c r="O20" s="17">
        <v>5.6836500000000001</v>
      </c>
      <c r="P20" s="17">
        <v>9.4647900000000007</v>
      </c>
      <c r="Q20" s="17">
        <v>14.760350000000001</v>
      </c>
      <c r="R20" s="17">
        <v>21.768360000000001</v>
      </c>
      <c r="S20" s="17">
        <v>31.0213</v>
      </c>
      <c r="T20" s="17">
        <v>40.773000000000003</v>
      </c>
      <c r="U20" s="17">
        <v>45.203969999999998</v>
      </c>
      <c r="V20" s="17">
        <v>53.854810000000001</v>
      </c>
      <c r="W20" s="17">
        <v>57.987220000000001</v>
      </c>
      <c r="X20" s="17">
        <v>59.355510000000002</v>
      </c>
      <c r="Y20" s="17">
        <v>64.587739999999997</v>
      </c>
      <c r="Z20" s="17">
        <v>64.889979999999994</v>
      </c>
      <c r="AA20" s="17">
        <v>67.391300000000001</v>
      </c>
      <c r="AB20" s="17">
        <v>68.654020000000003</v>
      </c>
      <c r="AC20" s="17">
        <v>70.812529999999995</v>
      </c>
      <c r="AD20" s="17">
        <v>72.055430000000001</v>
      </c>
      <c r="AE20" s="17">
        <v>74.078890000000001</v>
      </c>
      <c r="AF20" s="17">
        <v>72.727270000000004</v>
      </c>
      <c r="AG20" s="17">
        <v>73.6798</v>
      </c>
      <c r="AH20" s="17">
        <v>73.587130000000002</v>
      </c>
      <c r="AI20" s="17">
        <v>73.541589999999999</v>
      </c>
      <c r="AJ20" s="17">
        <v>73.522040000000004</v>
      </c>
      <c r="AK20" s="17">
        <v>74.323390000000003</v>
      </c>
      <c r="AL20" s="17">
        <v>73.267930000000007</v>
      </c>
      <c r="AM20" s="17">
        <v>73.501480000000001</v>
      </c>
      <c r="AN20" s="17">
        <v>72.836259999999996</v>
      </c>
      <c r="AO20" s="17">
        <v>73.087230000000005</v>
      </c>
      <c r="AP20" s="17">
        <v>73.057640000000006</v>
      </c>
      <c r="AQ20" s="17">
        <v>72.761319999999998</v>
      </c>
      <c r="AR20" s="17">
        <v>72.774510000000006</v>
      </c>
      <c r="AS20" s="17">
        <v>73.412009999999995</v>
      </c>
      <c r="AT20" s="17">
        <v>73.260329999999996</v>
      </c>
      <c r="AU20" s="17">
        <v>73.897229999999993</v>
      </c>
      <c r="AV20" s="17">
        <v>74.526929999999993</v>
      </c>
      <c r="AW20" s="17">
        <v>75.325699999999998</v>
      </c>
      <c r="AX20" s="17">
        <v>76.315790000000007</v>
      </c>
      <c r="AY20" s="17">
        <v>75.741709999999998</v>
      </c>
      <c r="AZ20" s="17">
        <v>74.959810000000004</v>
      </c>
      <c r="BA20" s="17">
        <v>75.904610000000005</v>
      </c>
      <c r="BB20" s="17">
        <v>77.538589999999999</v>
      </c>
      <c r="BC20" s="17">
        <v>76.704310000000007</v>
      </c>
      <c r="BD20" s="17">
        <v>78.487099999999998</v>
      </c>
      <c r="BE20" s="17">
        <v>77.442049999999995</v>
      </c>
      <c r="BF20" s="17">
        <v>76.442130000000006</v>
      </c>
      <c r="BG20" s="17">
        <v>76.108279999999993</v>
      </c>
      <c r="BH20" s="17">
        <v>76.396649999999994</v>
      </c>
      <c r="BI20" s="17">
        <v>74.698800000000006</v>
      </c>
      <c r="BJ20" s="17">
        <v>72.67559</v>
      </c>
      <c r="BK20" s="17">
        <v>71.39555</v>
      </c>
      <c r="BL20" s="17">
        <v>69.104600000000005</v>
      </c>
      <c r="BM20" s="17">
        <v>66.477130000000002</v>
      </c>
      <c r="BN20" s="17">
        <v>66.303820000000002</v>
      </c>
      <c r="BO20" s="17">
        <v>63.739379999999997</v>
      </c>
      <c r="BP20" s="17">
        <v>61.995750000000001</v>
      </c>
      <c r="BQ20" s="17">
        <v>58.831209999999999</v>
      </c>
      <c r="BR20" s="17">
        <v>57.729730000000004</v>
      </c>
      <c r="BS20" s="17">
        <v>51.90587</v>
      </c>
      <c r="BT20" s="17">
        <v>47.496259999999999</v>
      </c>
      <c r="BU20" s="17">
        <v>45.508470000000003</v>
      </c>
      <c r="BV20" s="17">
        <v>41.498710000000003</v>
      </c>
      <c r="BW20" s="17">
        <v>41.034480000000002</v>
      </c>
      <c r="BX20" s="17">
        <v>35.291330000000002</v>
      </c>
      <c r="BY20" s="17">
        <v>28.65934</v>
      </c>
      <c r="BZ20" s="17">
        <v>26.90326</v>
      </c>
      <c r="CA20" s="17">
        <v>20.935289999999998</v>
      </c>
      <c r="CB20" s="17">
        <v>19.134150000000002</v>
      </c>
      <c r="CC20" s="17">
        <v>15.874919999999999</v>
      </c>
      <c r="CD20" s="17">
        <v>13.002039999999999</v>
      </c>
      <c r="CE20" s="17">
        <v>10.73171</v>
      </c>
      <c r="CF20" s="17">
        <v>8.58995</v>
      </c>
      <c r="CG20" s="17">
        <v>6.1224499999999997</v>
      </c>
      <c r="CH20" s="17">
        <v>5.5118099999999997</v>
      </c>
      <c r="CI20" s="17">
        <v>3.6163500000000002</v>
      </c>
      <c r="CJ20" s="17">
        <v>4.3071200000000003</v>
      </c>
      <c r="CK20" s="17">
        <v>2.71739</v>
      </c>
      <c r="CL20" s="17">
        <v>1.7985599999999999</v>
      </c>
      <c r="CM20" s="17">
        <v>0.41666999999999998</v>
      </c>
      <c r="CN20" s="17">
        <v>0.65788999999999997</v>
      </c>
      <c r="CO20" s="17">
        <v>0.4</v>
      </c>
      <c r="CP20" s="17">
        <v>59.105440000000002</v>
      </c>
      <c r="CQ20" s="17">
        <v>50.725409999999997</v>
      </c>
      <c r="CR20" s="17">
        <v>34.83061</v>
      </c>
      <c r="CS20" s="17">
        <v>13.584210000000001</v>
      </c>
      <c r="CT20" s="17">
        <v>65.383380000000002</v>
      </c>
    </row>
    <row r="21" spans="1:98" x14ac:dyDescent="0.15">
      <c r="A21" s="18" t="s">
        <v>196</v>
      </c>
      <c r="B21" s="18" t="s">
        <v>208</v>
      </c>
      <c r="C21" s="18" t="s">
        <v>153</v>
      </c>
      <c r="D21" s="18" t="s">
        <v>9</v>
      </c>
      <c r="E21" s="18" t="s">
        <v>4</v>
      </c>
      <c r="F21" s="18" t="s">
        <v>155</v>
      </c>
      <c r="G21" s="17">
        <v>16.286470000000001</v>
      </c>
      <c r="H21" s="17">
        <v>0</v>
      </c>
      <c r="I21" s="17">
        <v>0</v>
      </c>
      <c r="J21" s="17">
        <v>0</v>
      </c>
      <c r="K21" s="17">
        <v>0</v>
      </c>
      <c r="L21" s="17">
        <v>0</v>
      </c>
      <c r="M21" s="17">
        <v>5.2880000000000003E-2</v>
      </c>
      <c r="N21" s="17">
        <v>0</v>
      </c>
      <c r="O21" s="17">
        <v>0</v>
      </c>
      <c r="P21" s="17">
        <v>5.6340000000000001E-2</v>
      </c>
      <c r="Q21" s="17">
        <v>0</v>
      </c>
      <c r="R21" s="17">
        <v>0</v>
      </c>
      <c r="S21" s="17">
        <v>0.10922999999999999</v>
      </c>
      <c r="T21" s="17">
        <v>0.10886999999999999</v>
      </c>
      <c r="U21" s="17">
        <v>0</v>
      </c>
      <c r="V21" s="17">
        <v>0.11255</v>
      </c>
      <c r="W21" s="17">
        <v>0</v>
      </c>
      <c r="X21" s="17">
        <v>0.15593000000000001</v>
      </c>
      <c r="Y21" s="17">
        <v>0.10571</v>
      </c>
      <c r="Z21" s="17">
        <v>0.29339999999999999</v>
      </c>
      <c r="AA21" s="17">
        <v>9.4520000000000007E-2</v>
      </c>
      <c r="AB21" s="17">
        <v>0.18067</v>
      </c>
      <c r="AC21" s="17">
        <v>0.18157000000000001</v>
      </c>
      <c r="AD21" s="17">
        <v>9.2380000000000004E-2</v>
      </c>
      <c r="AE21" s="17">
        <v>0.43346000000000001</v>
      </c>
      <c r="AF21" s="17">
        <v>0.39146999999999998</v>
      </c>
      <c r="AG21" s="17">
        <v>0.33528999999999998</v>
      </c>
      <c r="AH21" s="17">
        <v>0.51019999999999999</v>
      </c>
      <c r="AI21" s="17">
        <v>0.30109000000000002</v>
      </c>
      <c r="AJ21" s="17">
        <v>0.42995</v>
      </c>
      <c r="AK21" s="17">
        <v>0.72865999999999997</v>
      </c>
      <c r="AL21" s="17">
        <v>0.79705999999999999</v>
      </c>
      <c r="AM21" s="17">
        <v>0.80118999999999996</v>
      </c>
      <c r="AN21" s="17">
        <v>1.0818700000000001</v>
      </c>
      <c r="AO21" s="17">
        <v>1.16106</v>
      </c>
      <c r="AP21" s="17">
        <v>1.31579</v>
      </c>
      <c r="AQ21" s="17">
        <v>1.46408</v>
      </c>
      <c r="AR21" s="17">
        <v>2.1821999999999999</v>
      </c>
      <c r="AS21" s="17">
        <v>2.2214499999999999</v>
      </c>
      <c r="AT21" s="17">
        <v>2.82586</v>
      </c>
      <c r="AU21" s="17">
        <v>2.5466099999999998</v>
      </c>
      <c r="AV21" s="17">
        <v>3.0931600000000001</v>
      </c>
      <c r="AW21" s="17">
        <v>3.4741399999999998</v>
      </c>
      <c r="AX21" s="17">
        <v>4.0848399999999998</v>
      </c>
      <c r="AY21" s="17">
        <v>4.84293</v>
      </c>
      <c r="AZ21" s="17">
        <v>5.9083600000000001</v>
      </c>
      <c r="BA21" s="17">
        <v>5.8799299999999999</v>
      </c>
      <c r="BB21" s="17">
        <v>6.0113700000000003</v>
      </c>
      <c r="BC21" s="17">
        <v>8.0719399999999997</v>
      </c>
      <c r="BD21" s="17">
        <v>7.3458699999999997</v>
      </c>
      <c r="BE21" s="17">
        <v>8.9817900000000002</v>
      </c>
      <c r="BF21" s="17">
        <v>10.122809999999999</v>
      </c>
      <c r="BG21" s="17">
        <v>10.94547</v>
      </c>
      <c r="BH21" s="17">
        <v>11.66201</v>
      </c>
      <c r="BI21" s="17">
        <v>13.57193</v>
      </c>
      <c r="BJ21" s="17">
        <v>14.94983</v>
      </c>
      <c r="BK21" s="17">
        <v>17.220459999999999</v>
      </c>
      <c r="BL21" s="17">
        <v>19.144929999999999</v>
      </c>
      <c r="BM21" s="17">
        <v>20.780560000000001</v>
      </c>
      <c r="BN21" s="17">
        <v>22.665700000000001</v>
      </c>
      <c r="BO21" s="17">
        <v>25.731819999999999</v>
      </c>
      <c r="BP21" s="17">
        <v>27.600850000000001</v>
      </c>
      <c r="BQ21" s="17">
        <v>31.635649999999998</v>
      </c>
      <c r="BR21" s="17">
        <v>34.630629999999996</v>
      </c>
      <c r="BS21" s="17">
        <v>39.874049999999997</v>
      </c>
      <c r="BT21" s="17">
        <v>44.282510000000002</v>
      </c>
      <c r="BU21" s="17">
        <v>47.627119999999998</v>
      </c>
      <c r="BV21" s="17">
        <v>50.07752</v>
      </c>
      <c r="BW21" s="17">
        <v>52.561579999999999</v>
      </c>
      <c r="BX21" s="17">
        <v>58.739930000000001</v>
      </c>
      <c r="BY21" s="17">
        <v>65.362639999999999</v>
      </c>
      <c r="BZ21" s="17">
        <v>66.571269999999998</v>
      </c>
      <c r="CA21" s="17">
        <v>73.028819999999996</v>
      </c>
      <c r="CB21" s="17">
        <v>75.948689999999999</v>
      </c>
      <c r="CC21" s="17">
        <v>79.675290000000004</v>
      </c>
      <c r="CD21" s="17">
        <v>82.845470000000006</v>
      </c>
      <c r="CE21" s="17">
        <v>85.203249999999997</v>
      </c>
      <c r="CF21" s="17">
        <v>86.79092</v>
      </c>
      <c r="CG21" s="17">
        <v>89.38776</v>
      </c>
      <c r="CH21" s="17">
        <v>89.370080000000002</v>
      </c>
      <c r="CI21" s="17">
        <v>92.610060000000004</v>
      </c>
      <c r="CJ21" s="17">
        <v>91.760300000000001</v>
      </c>
      <c r="CK21" s="17">
        <v>94.836960000000005</v>
      </c>
      <c r="CL21" s="17">
        <v>96.402879999999996</v>
      </c>
      <c r="CM21" s="17">
        <v>96.25</v>
      </c>
      <c r="CN21" s="17">
        <v>96.052629999999994</v>
      </c>
      <c r="CO21" s="17">
        <v>98.4</v>
      </c>
      <c r="CP21" s="17">
        <v>1.7041200000000001</v>
      </c>
      <c r="CQ21" s="17">
        <v>40.285380000000004</v>
      </c>
      <c r="CR21" s="17">
        <v>58.516939999999998</v>
      </c>
      <c r="CS21" s="17">
        <v>81.715069999999997</v>
      </c>
      <c r="CT21" s="17">
        <v>3.0470100000000002</v>
      </c>
    </row>
    <row r="22" spans="1:98" x14ac:dyDescent="0.15">
      <c r="A22" s="18" t="s">
        <v>196</v>
      </c>
      <c r="B22" s="18" t="s">
        <v>314</v>
      </c>
      <c r="C22" s="18" t="s">
        <v>153</v>
      </c>
      <c r="D22" s="18" t="s">
        <v>9</v>
      </c>
      <c r="E22" s="18" t="s">
        <v>4</v>
      </c>
      <c r="F22" s="18" t="s">
        <v>154</v>
      </c>
      <c r="G22" s="17">
        <v>6.4218299999999999</v>
      </c>
      <c r="H22" s="17">
        <v>0</v>
      </c>
      <c r="I22" s="17">
        <v>0</v>
      </c>
      <c r="J22" s="17">
        <v>0</v>
      </c>
      <c r="K22" s="17">
        <v>0</v>
      </c>
      <c r="L22" s="17">
        <v>0.10881</v>
      </c>
      <c r="M22" s="17">
        <v>0.21153</v>
      </c>
      <c r="N22" s="17">
        <v>0.10095999999999999</v>
      </c>
      <c r="O22" s="17">
        <v>0.37534000000000001</v>
      </c>
      <c r="P22" s="17">
        <v>0.61972000000000005</v>
      </c>
      <c r="Q22" s="17">
        <v>0.70806000000000002</v>
      </c>
      <c r="R22" s="17">
        <v>1.0858300000000001</v>
      </c>
      <c r="S22" s="17">
        <v>1.8569100000000001</v>
      </c>
      <c r="T22" s="17">
        <v>1.9597199999999999</v>
      </c>
      <c r="U22" s="17">
        <v>2.0948199999999999</v>
      </c>
      <c r="V22" s="17">
        <v>2.08216</v>
      </c>
      <c r="W22" s="17">
        <v>3.1416400000000002</v>
      </c>
      <c r="X22" s="17">
        <v>4.1060299999999996</v>
      </c>
      <c r="Y22" s="17">
        <v>3.4355199999999999</v>
      </c>
      <c r="Z22" s="17">
        <v>4.2053799999999999</v>
      </c>
      <c r="AA22" s="17">
        <v>4.4423399999999997</v>
      </c>
      <c r="AB22" s="17">
        <v>5.2845500000000003</v>
      </c>
      <c r="AC22" s="17">
        <v>5.9464399999999999</v>
      </c>
      <c r="AD22" s="17">
        <v>6.5588899999999999</v>
      </c>
      <c r="AE22" s="17">
        <v>5.7217200000000004</v>
      </c>
      <c r="AF22" s="17">
        <v>6.3070899999999996</v>
      </c>
      <c r="AG22" s="17">
        <v>6.4543200000000001</v>
      </c>
      <c r="AH22" s="17">
        <v>7.1821000000000002</v>
      </c>
      <c r="AI22" s="17">
        <v>7.8660100000000002</v>
      </c>
      <c r="AJ22" s="17">
        <v>8.0258000000000003</v>
      </c>
      <c r="AK22" s="17">
        <v>8.0499700000000001</v>
      </c>
      <c r="AL22" s="17">
        <v>8.4304100000000002</v>
      </c>
      <c r="AM22" s="17">
        <v>9.4361999999999995</v>
      </c>
      <c r="AN22" s="17">
        <v>10.087719999999999</v>
      </c>
      <c r="AO22" s="17">
        <v>10.39</v>
      </c>
      <c r="AP22" s="17">
        <v>10.49499</v>
      </c>
      <c r="AQ22" s="17">
        <v>11.30405</v>
      </c>
      <c r="AR22" s="17">
        <v>10.73779</v>
      </c>
      <c r="AS22" s="17">
        <v>11.454359999999999</v>
      </c>
      <c r="AT22" s="17">
        <v>10.950189999999999</v>
      </c>
      <c r="AU22" s="17">
        <v>11.14143</v>
      </c>
      <c r="AV22" s="17">
        <v>11.46288</v>
      </c>
      <c r="AW22" s="17">
        <v>11.685750000000001</v>
      </c>
      <c r="AX22" s="17">
        <v>10.60487</v>
      </c>
      <c r="AY22" s="17">
        <v>10.20942</v>
      </c>
      <c r="AZ22" s="17">
        <v>11.093249999999999</v>
      </c>
      <c r="BA22" s="17">
        <v>10.896380000000001</v>
      </c>
      <c r="BB22" s="17">
        <v>9.8700200000000002</v>
      </c>
      <c r="BC22" s="17">
        <v>9.2011699999999994</v>
      </c>
      <c r="BD22" s="17">
        <v>8.4827300000000001</v>
      </c>
      <c r="BE22" s="17">
        <v>8.0711899999999996</v>
      </c>
      <c r="BF22" s="17">
        <v>8.9691100000000006</v>
      </c>
      <c r="BG22" s="17">
        <v>8.7093000000000007</v>
      </c>
      <c r="BH22" s="17">
        <v>7.6466500000000002</v>
      </c>
      <c r="BI22" s="17">
        <v>8.1856799999999996</v>
      </c>
      <c r="BJ22" s="17">
        <v>8.8294300000000003</v>
      </c>
      <c r="BK22" s="17">
        <v>8.0323600000000006</v>
      </c>
      <c r="BL22" s="17">
        <v>7.8515699999999997</v>
      </c>
      <c r="BM22" s="17">
        <v>8.3742599999999996</v>
      </c>
      <c r="BN22" s="17">
        <v>7.2568900000000003</v>
      </c>
      <c r="BO22" s="17">
        <v>7.2237999999999998</v>
      </c>
      <c r="BP22" s="17">
        <v>6.3694300000000004</v>
      </c>
      <c r="BQ22" s="17">
        <v>6.5948399999999996</v>
      </c>
      <c r="BR22" s="17">
        <v>5.4054099999999998</v>
      </c>
      <c r="BS22" s="17">
        <v>5.4358599999999999</v>
      </c>
      <c r="BT22" s="17">
        <v>5.2690599999999996</v>
      </c>
      <c r="BU22" s="17">
        <v>4.4491500000000004</v>
      </c>
      <c r="BV22" s="17">
        <v>5.63307</v>
      </c>
      <c r="BW22" s="17">
        <v>3.6945800000000002</v>
      </c>
      <c r="BX22" s="17">
        <v>3.2212200000000002</v>
      </c>
      <c r="BY22" s="17">
        <v>3.7362600000000001</v>
      </c>
      <c r="BZ22" s="17">
        <v>4.1213499999999996</v>
      </c>
      <c r="CA22" s="17">
        <v>3.3170199999999999</v>
      </c>
      <c r="CB22" s="17">
        <v>2.9396</v>
      </c>
      <c r="CC22" s="17">
        <v>2.2248899999999998</v>
      </c>
      <c r="CD22" s="17">
        <v>2.3825699999999999</v>
      </c>
      <c r="CE22" s="17">
        <v>1.7886200000000001</v>
      </c>
      <c r="CF22" s="17">
        <v>2.10697</v>
      </c>
      <c r="CG22" s="17">
        <v>2.65306</v>
      </c>
      <c r="CH22" s="17">
        <v>1.3123400000000001</v>
      </c>
      <c r="CI22" s="17">
        <v>2.0440299999999998</v>
      </c>
      <c r="CJ22" s="17">
        <v>2.6217199999999998</v>
      </c>
      <c r="CK22" s="17">
        <v>1.63043</v>
      </c>
      <c r="CL22" s="17">
        <v>0.71941999999999995</v>
      </c>
      <c r="CM22" s="17">
        <v>1.6666700000000001</v>
      </c>
      <c r="CN22" s="17">
        <v>0.65788999999999997</v>
      </c>
      <c r="CO22" s="17">
        <v>1.2</v>
      </c>
      <c r="CP22" s="17">
        <v>6.7668799999999996</v>
      </c>
      <c r="CQ22" s="17">
        <v>5.8539599999999998</v>
      </c>
      <c r="CR22" s="17">
        <v>4.1054000000000004</v>
      </c>
      <c r="CS22" s="17">
        <v>2.53721</v>
      </c>
      <c r="CT22" s="17">
        <v>7.4687900000000003</v>
      </c>
    </row>
    <row r="23" spans="1:98" x14ac:dyDescent="0.15">
      <c r="A23" s="18" t="s">
        <v>196</v>
      </c>
      <c r="B23" s="18" t="s">
        <v>208</v>
      </c>
      <c r="C23" s="18" t="s">
        <v>153</v>
      </c>
      <c r="D23" s="18" t="s">
        <v>8</v>
      </c>
      <c r="E23" s="18" t="s">
        <v>3</v>
      </c>
      <c r="F23" s="18" t="s">
        <v>157</v>
      </c>
      <c r="G23" s="17">
        <v>26.621130000000001</v>
      </c>
      <c r="H23" s="17">
        <v>100</v>
      </c>
      <c r="I23" s="17">
        <v>100</v>
      </c>
      <c r="J23" s="17">
        <v>99.893789999999996</v>
      </c>
      <c r="K23" s="17">
        <v>99.77319</v>
      </c>
      <c r="L23" s="17">
        <v>99.243380000000002</v>
      </c>
      <c r="M23" s="17">
        <v>98.751559999999998</v>
      </c>
      <c r="N23" s="17">
        <v>97.516310000000004</v>
      </c>
      <c r="O23" s="17">
        <v>95.537989999999994</v>
      </c>
      <c r="P23" s="17">
        <v>92.962760000000003</v>
      </c>
      <c r="Q23" s="17">
        <v>88.811189999999996</v>
      </c>
      <c r="R23" s="17">
        <v>81.217749999999995</v>
      </c>
      <c r="S23" s="17">
        <v>73.001099999999994</v>
      </c>
      <c r="T23" s="17">
        <v>65.211349999999996</v>
      </c>
      <c r="U23" s="17">
        <v>60.373159999999999</v>
      </c>
      <c r="V23" s="17">
        <v>52.737830000000002</v>
      </c>
      <c r="W23" s="17">
        <v>46.981279999999998</v>
      </c>
      <c r="X23" s="17">
        <v>45.820509999999999</v>
      </c>
      <c r="Y23" s="17">
        <v>41.240029999999997</v>
      </c>
      <c r="Z23" s="17">
        <v>40.267130000000002</v>
      </c>
      <c r="AA23" s="17">
        <v>36.149450000000002</v>
      </c>
      <c r="AB23" s="17">
        <v>33.748869999999997</v>
      </c>
      <c r="AC23" s="17">
        <v>31.130590000000002</v>
      </c>
      <c r="AD23" s="17">
        <v>29.17981</v>
      </c>
      <c r="AE23" s="17">
        <v>27.963529999999999</v>
      </c>
      <c r="AF23" s="17">
        <v>28.164069999999999</v>
      </c>
      <c r="AG23" s="17">
        <v>26.371790000000001</v>
      </c>
      <c r="AH23" s="17">
        <v>25.690770000000001</v>
      </c>
      <c r="AI23" s="17">
        <v>25.43111</v>
      </c>
      <c r="AJ23" s="17">
        <v>24.153220000000001</v>
      </c>
      <c r="AK23" s="17">
        <v>24.01343</v>
      </c>
      <c r="AL23" s="17">
        <v>23.580249999999999</v>
      </c>
      <c r="AM23" s="17">
        <v>22.228770000000001</v>
      </c>
      <c r="AN23" s="17">
        <v>21.27505</v>
      </c>
      <c r="AO23" s="17">
        <v>22.024159999999998</v>
      </c>
      <c r="AP23" s="17">
        <v>21.2301</v>
      </c>
      <c r="AQ23" s="17">
        <v>21.188120000000001</v>
      </c>
      <c r="AR23" s="17">
        <v>20.605550000000001</v>
      </c>
      <c r="AS23" s="17">
        <v>18.847709999999999</v>
      </c>
      <c r="AT23" s="17">
        <v>18.018820000000002</v>
      </c>
      <c r="AU23" s="17">
        <v>17.645689999999998</v>
      </c>
      <c r="AV23" s="17">
        <v>16.038969999999999</v>
      </c>
      <c r="AW23" s="17">
        <v>14.33977</v>
      </c>
      <c r="AX23" s="17">
        <v>13.780849999999999</v>
      </c>
      <c r="AY23" s="17">
        <v>14.48456</v>
      </c>
      <c r="AZ23" s="17">
        <v>12.25005</v>
      </c>
      <c r="BA23" s="17">
        <v>11.77205</v>
      </c>
      <c r="BB23" s="17">
        <v>10.935219999999999</v>
      </c>
      <c r="BC23" s="17">
        <v>10.48649</v>
      </c>
      <c r="BD23" s="17">
        <v>9.7256300000000007</v>
      </c>
      <c r="BE23" s="17">
        <v>8.9399700000000006</v>
      </c>
      <c r="BF23" s="17">
        <v>7.8571400000000002</v>
      </c>
      <c r="BG23" s="17">
        <v>7.8762299999999996</v>
      </c>
      <c r="BH23" s="17">
        <v>8.5368099999999991</v>
      </c>
      <c r="BI23" s="17">
        <v>7.4087699999999996</v>
      </c>
      <c r="BJ23" s="17">
        <v>6.5976499999999998</v>
      </c>
      <c r="BK23" s="17">
        <v>6.2989699999999997</v>
      </c>
      <c r="BL23" s="17">
        <v>5.8021900000000004</v>
      </c>
      <c r="BM23" s="17">
        <v>5.7225200000000003</v>
      </c>
      <c r="BN23" s="17">
        <v>4.5810500000000003</v>
      </c>
      <c r="BO23" s="17">
        <v>4.2536899999999997</v>
      </c>
      <c r="BP23" s="17">
        <v>4.1012399999999998</v>
      </c>
      <c r="BQ23" s="17">
        <v>3.4388100000000001</v>
      </c>
      <c r="BR23" s="17">
        <v>2.5075799999999999</v>
      </c>
      <c r="BS23" s="17">
        <v>3.0809700000000002</v>
      </c>
      <c r="BT23" s="17">
        <v>2.8397100000000002</v>
      </c>
      <c r="BU23" s="17">
        <v>2.28091</v>
      </c>
      <c r="BV23" s="17">
        <v>2.1124700000000001</v>
      </c>
      <c r="BW23" s="17">
        <v>2.2151000000000001</v>
      </c>
      <c r="BX23" s="17">
        <v>2.1814</v>
      </c>
      <c r="BY23" s="17">
        <v>1.9774799999999999</v>
      </c>
      <c r="BZ23" s="17">
        <v>1.9802</v>
      </c>
      <c r="CA23" s="17">
        <v>2.2479800000000001</v>
      </c>
      <c r="CB23" s="17">
        <v>1.95723</v>
      </c>
      <c r="CC23" s="17">
        <v>2.2165400000000002</v>
      </c>
      <c r="CD23" s="17">
        <v>1.46157</v>
      </c>
      <c r="CE23" s="17">
        <v>1.9529000000000001</v>
      </c>
      <c r="CF23" s="17">
        <v>1.8596299999999999</v>
      </c>
      <c r="CG23" s="17">
        <v>1.4328799999999999</v>
      </c>
      <c r="CH23" s="17">
        <v>2.98211</v>
      </c>
      <c r="CI23" s="17">
        <v>1.6806700000000001</v>
      </c>
      <c r="CJ23" s="17">
        <v>1.2345699999999999</v>
      </c>
      <c r="CK23" s="17">
        <v>1.0822499999999999</v>
      </c>
      <c r="CL23" s="17">
        <v>0.91463000000000005</v>
      </c>
      <c r="CM23" s="17">
        <v>1.43885</v>
      </c>
      <c r="CN23" s="17">
        <v>2.3391799999999998</v>
      </c>
      <c r="CO23" s="17">
        <v>0</v>
      </c>
      <c r="CP23" s="17">
        <v>38.330800000000004</v>
      </c>
      <c r="CQ23" s="17">
        <v>4.3525</v>
      </c>
      <c r="CR23" s="17">
        <v>2.4577100000000001</v>
      </c>
      <c r="CS23" s="17">
        <v>1.8888799999999999</v>
      </c>
      <c r="CT23" s="17">
        <v>30.089369999999999</v>
      </c>
    </row>
    <row r="24" spans="1:98" x14ac:dyDescent="0.15">
      <c r="A24" s="18" t="s">
        <v>196</v>
      </c>
      <c r="B24" s="18" t="s">
        <v>208</v>
      </c>
      <c r="C24" s="18" t="s">
        <v>153</v>
      </c>
      <c r="D24" s="18" t="s">
        <v>8</v>
      </c>
      <c r="E24" s="18" t="s">
        <v>3</v>
      </c>
      <c r="F24" s="18" t="s">
        <v>156</v>
      </c>
      <c r="G24" s="17">
        <v>57.817929999999997</v>
      </c>
      <c r="H24" s="17">
        <v>0</v>
      </c>
      <c r="I24" s="17">
        <v>0</v>
      </c>
      <c r="J24" s="17">
        <v>0.10621</v>
      </c>
      <c r="K24" s="17">
        <v>0.20161000000000001</v>
      </c>
      <c r="L24" s="17">
        <v>0.68096000000000001</v>
      </c>
      <c r="M24" s="17">
        <v>1.0736600000000001</v>
      </c>
      <c r="N24" s="17">
        <v>2.35825</v>
      </c>
      <c r="O24" s="17">
        <v>4.18154</v>
      </c>
      <c r="P24" s="17">
        <v>6.6812699999999996</v>
      </c>
      <c r="Q24" s="17">
        <v>10.70468</v>
      </c>
      <c r="R24" s="17">
        <v>17.956659999999999</v>
      </c>
      <c r="S24" s="17">
        <v>25.739319999999999</v>
      </c>
      <c r="T24" s="17">
        <v>33.342599999999997</v>
      </c>
      <c r="U24" s="17">
        <v>37.983849999999997</v>
      </c>
      <c r="V24" s="17">
        <v>45.768810000000002</v>
      </c>
      <c r="W24" s="17">
        <v>50.988660000000003</v>
      </c>
      <c r="X24" s="17">
        <v>51.358969999999999</v>
      </c>
      <c r="Y24" s="17">
        <v>56.161560000000001</v>
      </c>
      <c r="Z24" s="17">
        <v>56.542169999999999</v>
      </c>
      <c r="AA24" s="17">
        <v>60.257019999999997</v>
      </c>
      <c r="AB24" s="17">
        <v>62.420670000000001</v>
      </c>
      <c r="AC24" s="17">
        <v>64.598789999999994</v>
      </c>
      <c r="AD24" s="17">
        <v>66.381249999999994</v>
      </c>
      <c r="AE24" s="17">
        <v>67.021280000000004</v>
      </c>
      <c r="AF24" s="17">
        <v>66.396140000000003</v>
      </c>
      <c r="AG24" s="17">
        <v>68.224490000000003</v>
      </c>
      <c r="AH24" s="17">
        <v>68.547910000000002</v>
      </c>
      <c r="AI24" s="17">
        <v>67.979669999999999</v>
      </c>
      <c r="AJ24" s="17">
        <v>69.409469999999999</v>
      </c>
      <c r="AK24" s="17">
        <v>69.605369999999994</v>
      </c>
      <c r="AL24" s="17">
        <v>69.182100000000005</v>
      </c>
      <c r="AM24" s="17">
        <v>69.958730000000003</v>
      </c>
      <c r="AN24" s="17">
        <v>70.621549999999999</v>
      </c>
      <c r="AO24" s="17">
        <v>69.269300000000001</v>
      </c>
      <c r="AP24" s="17">
        <v>69.388069999999999</v>
      </c>
      <c r="AQ24" s="17">
        <v>69.026399999999995</v>
      </c>
      <c r="AR24" s="17">
        <v>68.511349999999993</v>
      </c>
      <c r="AS24" s="17">
        <v>70.331990000000005</v>
      </c>
      <c r="AT24" s="17">
        <v>71.294160000000005</v>
      </c>
      <c r="AU24" s="17">
        <v>70.931039999999996</v>
      </c>
      <c r="AV24" s="17">
        <v>72.381489999999999</v>
      </c>
      <c r="AW24" s="17">
        <v>73.590919999999997</v>
      </c>
      <c r="AX24" s="17">
        <v>74.392889999999994</v>
      </c>
      <c r="AY24" s="17">
        <v>74.03219</v>
      </c>
      <c r="AZ24" s="17">
        <v>74.468530000000001</v>
      </c>
      <c r="BA24" s="17">
        <v>75.270380000000003</v>
      </c>
      <c r="BB24" s="17">
        <v>75.900850000000005</v>
      </c>
      <c r="BC24" s="17">
        <v>76.367570000000001</v>
      </c>
      <c r="BD24" s="17">
        <v>77.068929999999995</v>
      </c>
      <c r="BE24" s="17">
        <v>77.373350000000002</v>
      </c>
      <c r="BF24" s="17">
        <v>77.625479999999996</v>
      </c>
      <c r="BG24" s="17">
        <v>77.235280000000003</v>
      </c>
      <c r="BH24" s="17">
        <v>76.09693</v>
      </c>
      <c r="BI24" s="17">
        <v>76.428309999999996</v>
      </c>
      <c r="BJ24" s="17">
        <v>75.293909999999997</v>
      </c>
      <c r="BK24" s="17">
        <v>75.080659999999995</v>
      </c>
      <c r="BL24" s="17">
        <v>74.304580000000001</v>
      </c>
      <c r="BM24" s="17">
        <v>72.759709999999998</v>
      </c>
      <c r="BN24" s="17">
        <v>73.779690000000002</v>
      </c>
      <c r="BO24" s="17">
        <v>71.981660000000005</v>
      </c>
      <c r="BP24" s="17">
        <v>72.369349999999997</v>
      </c>
      <c r="BQ24" s="17">
        <v>69.507959999999997</v>
      </c>
      <c r="BR24" s="17">
        <v>69.60566</v>
      </c>
      <c r="BS24" s="17">
        <v>65.564530000000005</v>
      </c>
      <c r="BT24" s="17">
        <v>62.64199</v>
      </c>
      <c r="BU24" s="17">
        <v>61.920769999999997</v>
      </c>
      <c r="BV24" s="17">
        <v>59.684620000000002</v>
      </c>
      <c r="BW24" s="17">
        <v>57.009619999999998</v>
      </c>
      <c r="BX24" s="17">
        <v>53.272100000000002</v>
      </c>
      <c r="BY24" s="17">
        <v>48.613019999999999</v>
      </c>
      <c r="BZ24" s="17">
        <v>45.792079999999999</v>
      </c>
      <c r="CA24" s="17">
        <v>40.49877</v>
      </c>
      <c r="CB24" s="17">
        <v>36.752450000000003</v>
      </c>
      <c r="CC24" s="17">
        <v>31.628299999999999</v>
      </c>
      <c r="CD24" s="17">
        <v>30.457329999999999</v>
      </c>
      <c r="CE24" s="17">
        <v>27.225729999999999</v>
      </c>
      <c r="CF24" s="17">
        <v>22.255549999999999</v>
      </c>
      <c r="CG24" s="17">
        <v>19.607839999999999</v>
      </c>
      <c r="CH24" s="17">
        <v>17.89264</v>
      </c>
      <c r="CI24" s="17">
        <v>15.84634</v>
      </c>
      <c r="CJ24" s="17">
        <v>11.882720000000001</v>
      </c>
      <c r="CK24" s="17">
        <v>8.8744599999999991</v>
      </c>
      <c r="CL24" s="17">
        <v>7.3170700000000002</v>
      </c>
      <c r="CM24" s="17">
        <v>6.83453</v>
      </c>
      <c r="CN24" s="17">
        <v>4.0935699999999997</v>
      </c>
      <c r="CO24" s="17">
        <v>3.0821900000000002</v>
      </c>
      <c r="CP24" s="17">
        <v>55.148629999999997</v>
      </c>
      <c r="CQ24" s="17">
        <v>62.89423</v>
      </c>
      <c r="CR24" s="17">
        <v>51.804130000000001</v>
      </c>
      <c r="CS24" s="17">
        <v>29.76031</v>
      </c>
      <c r="CT24" s="17">
        <v>61.847610000000003</v>
      </c>
    </row>
    <row r="25" spans="1:98" x14ac:dyDescent="0.15">
      <c r="A25" s="18" t="s">
        <v>196</v>
      </c>
      <c r="B25" s="18" t="s">
        <v>208</v>
      </c>
      <c r="C25" s="18" t="s">
        <v>153</v>
      </c>
      <c r="D25" s="18" t="s">
        <v>8</v>
      </c>
      <c r="E25" s="18" t="s">
        <v>3</v>
      </c>
      <c r="F25" s="18" t="s">
        <v>155</v>
      </c>
      <c r="G25" s="17">
        <v>10.08501</v>
      </c>
      <c r="H25" s="17">
        <v>0</v>
      </c>
      <c r="I25" s="17">
        <v>0</v>
      </c>
      <c r="J25" s="17">
        <v>0</v>
      </c>
      <c r="K25" s="17">
        <v>0</v>
      </c>
      <c r="L25" s="17">
        <v>0</v>
      </c>
      <c r="M25" s="17">
        <v>2.4969999999999999E-2</v>
      </c>
      <c r="N25" s="17">
        <v>5.0180000000000002E-2</v>
      </c>
      <c r="O25" s="17">
        <v>0</v>
      </c>
      <c r="P25" s="17">
        <v>2.7380000000000002E-2</v>
      </c>
      <c r="Q25" s="17">
        <v>0</v>
      </c>
      <c r="R25" s="17">
        <v>0</v>
      </c>
      <c r="S25" s="17">
        <v>5.4760000000000003E-2</v>
      </c>
      <c r="T25" s="17">
        <v>5.5620000000000003E-2</v>
      </c>
      <c r="U25" s="17">
        <v>0</v>
      </c>
      <c r="V25" s="17">
        <v>2.7650000000000001E-2</v>
      </c>
      <c r="W25" s="17">
        <v>2.6360000000000001E-2</v>
      </c>
      <c r="X25" s="17">
        <v>0.10256</v>
      </c>
      <c r="Y25" s="17">
        <v>2.5729999999999999E-2</v>
      </c>
      <c r="Z25" s="17">
        <v>0.17313999999999999</v>
      </c>
      <c r="AA25" s="17">
        <v>7.1389999999999995E-2</v>
      </c>
      <c r="AB25" s="17">
        <v>0.13599</v>
      </c>
      <c r="AC25" s="17">
        <v>0.11237999999999999</v>
      </c>
      <c r="AD25" s="17">
        <v>2.2530000000000001E-2</v>
      </c>
      <c r="AE25" s="17">
        <v>0.26052999999999998</v>
      </c>
      <c r="AF25" s="17">
        <v>0.21934999999999999</v>
      </c>
      <c r="AG25" s="17">
        <v>0.22950000000000001</v>
      </c>
      <c r="AH25" s="17">
        <v>0.23516000000000001</v>
      </c>
      <c r="AI25" s="17">
        <v>0.18151999999999999</v>
      </c>
      <c r="AJ25" s="17">
        <v>0.26600000000000001</v>
      </c>
      <c r="AK25" s="17">
        <v>0.38623000000000002</v>
      </c>
      <c r="AL25" s="17">
        <v>0.58642000000000005</v>
      </c>
      <c r="AM25" s="17">
        <v>0.50117999999999996</v>
      </c>
      <c r="AN25" s="17">
        <v>0.53732000000000002</v>
      </c>
      <c r="AO25" s="17">
        <v>0.6482</v>
      </c>
      <c r="AP25" s="17">
        <v>0.88978999999999997</v>
      </c>
      <c r="AQ25" s="17">
        <v>0.92408999999999997</v>
      </c>
      <c r="AR25" s="17">
        <v>1.2279199999999999</v>
      </c>
      <c r="AS25" s="17">
        <v>1.31741</v>
      </c>
      <c r="AT25" s="17">
        <v>1.70424</v>
      </c>
      <c r="AU25" s="17">
        <v>1.85744</v>
      </c>
      <c r="AV25" s="17">
        <v>1.87371</v>
      </c>
      <c r="AW25" s="17">
        <v>2.2505500000000001</v>
      </c>
      <c r="AX25" s="17">
        <v>2.6061200000000002</v>
      </c>
      <c r="AY25" s="17">
        <v>3.0448</v>
      </c>
      <c r="AZ25" s="17">
        <v>3.55715</v>
      </c>
      <c r="BA25" s="17">
        <v>3.6605699999999999</v>
      </c>
      <c r="BB25" s="17">
        <v>4.0824800000000003</v>
      </c>
      <c r="BC25" s="17">
        <v>5.0162199999999997</v>
      </c>
      <c r="BD25" s="17">
        <v>4.9743500000000003</v>
      </c>
      <c r="BE25" s="17">
        <v>5.6832700000000003</v>
      </c>
      <c r="BF25" s="17">
        <v>6.5057900000000002</v>
      </c>
      <c r="BG25" s="17">
        <v>7.173</v>
      </c>
      <c r="BH25" s="17">
        <v>7.8575400000000002</v>
      </c>
      <c r="BI25" s="17">
        <v>8.9937299999999993</v>
      </c>
      <c r="BJ25" s="17">
        <v>10.054399999999999</v>
      </c>
      <c r="BK25" s="17">
        <v>11.230600000000001</v>
      </c>
      <c r="BL25" s="17">
        <v>12.419219999999999</v>
      </c>
      <c r="BM25" s="17">
        <v>14.23082</v>
      </c>
      <c r="BN25" s="17">
        <v>14.94388</v>
      </c>
      <c r="BO25" s="17">
        <v>17.1676</v>
      </c>
      <c r="BP25" s="17">
        <v>18.396999999999998</v>
      </c>
      <c r="BQ25" s="17">
        <v>20.815799999999999</v>
      </c>
      <c r="BR25" s="17">
        <v>23.356929999999998</v>
      </c>
      <c r="BS25" s="17">
        <v>26.39489</v>
      </c>
      <c r="BT25" s="17">
        <v>29.596129999999999</v>
      </c>
      <c r="BU25" s="17">
        <v>31.788720000000001</v>
      </c>
      <c r="BV25" s="17">
        <v>33.650700000000001</v>
      </c>
      <c r="BW25" s="17">
        <v>37.044589999999999</v>
      </c>
      <c r="BX25" s="17">
        <v>41.504019999999997</v>
      </c>
      <c r="BY25" s="17">
        <v>46.443280000000001</v>
      </c>
      <c r="BZ25" s="17">
        <v>49.434229999999999</v>
      </c>
      <c r="CA25" s="17">
        <v>54.302770000000002</v>
      </c>
      <c r="CB25" s="17">
        <v>58.825659999999999</v>
      </c>
      <c r="CC25" s="17">
        <v>64.151750000000007</v>
      </c>
      <c r="CD25" s="17">
        <v>66.053749999999994</v>
      </c>
      <c r="CE25" s="17">
        <v>69.213099999999997</v>
      </c>
      <c r="CF25" s="17">
        <v>73.725250000000003</v>
      </c>
      <c r="CG25" s="17">
        <v>76.847660000000005</v>
      </c>
      <c r="CH25" s="17">
        <v>78.031809999999993</v>
      </c>
      <c r="CI25" s="17">
        <v>80.672269999999997</v>
      </c>
      <c r="CJ25" s="17">
        <v>84.722219999999993</v>
      </c>
      <c r="CK25" s="17">
        <v>88.744590000000002</v>
      </c>
      <c r="CL25" s="17">
        <v>91.158540000000002</v>
      </c>
      <c r="CM25" s="17">
        <v>90.287769999999995</v>
      </c>
      <c r="CN25" s="17">
        <v>92.982460000000003</v>
      </c>
      <c r="CO25" s="17">
        <v>95.890410000000003</v>
      </c>
      <c r="CP25" s="17">
        <v>1.04894</v>
      </c>
      <c r="CQ25" s="17">
        <v>27.269200000000001</v>
      </c>
      <c r="CR25" s="17">
        <v>41.996560000000002</v>
      </c>
      <c r="CS25" s="17">
        <v>66.184820000000002</v>
      </c>
      <c r="CT25" s="17">
        <v>1.91557</v>
      </c>
    </row>
    <row r="26" spans="1:98" x14ac:dyDescent="0.15">
      <c r="A26" s="18" t="s">
        <v>196</v>
      </c>
      <c r="B26" s="18" t="s">
        <v>208</v>
      </c>
      <c r="C26" s="18" t="s">
        <v>153</v>
      </c>
      <c r="D26" s="18" t="s">
        <v>8</v>
      </c>
      <c r="E26" s="18" t="s">
        <v>3</v>
      </c>
      <c r="F26" s="18" t="s">
        <v>154</v>
      </c>
      <c r="G26" s="17">
        <v>5.4759200000000003</v>
      </c>
      <c r="H26" s="17">
        <v>0</v>
      </c>
      <c r="I26" s="17">
        <v>0</v>
      </c>
      <c r="J26" s="17">
        <v>0</v>
      </c>
      <c r="K26" s="17">
        <v>2.52E-2</v>
      </c>
      <c r="L26" s="17">
        <v>7.5660000000000005E-2</v>
      </c>
      <c r="M26" s="17">
        <v>0.14981</v>
      </c>
      <c r="N26" s="17">
        <v>7.5259999999999994E-2</v>
      </c>
      <c r="O26" s="17">
        <v>0.28047</v>
      </c>
      <c r="P26" s="17">
        <v>0.32858999999999999</v>
      </c>
      <c r="Q26" s="17">
        <v>0.48413</v>
      </c>
      <c r="R26" s="17">
        <v>0.82559000000000005</v>
      </c>
      <c r="S26" s="17">
        <v>1.20482</v>
      </c>
      <c r="T26" s="17">
        <v>1.3904300000000001</v>
      </c>
      <c r="U26" s="17">
        <v>1.643</v>
      </c>
      <c r="V26" s="17">
        <v>1.4657100000000001</v>
      </c>
      <c r="W26" s="17">
        <v>2.0036900000000002</v>
      </c>
      <c r="X26" s="17">
        <v>2.7179500000000001</v>
      </c>
      <c r="Y26" s="17">
        <v>2.5726800000000001</v>
      </c>
      <c r="Z26" s="17">
        <v>3.01756</v>
      </c>
      <c r="AA26" s="17">
        <v>3.5221300000000002</v>
      </c>
      <c r="AB26" s="17">
        <v>3.6944699999999999</v>
      </c>
      <c r="AC26" s="17">
        <v>4.1582400000000002</v>
      </c>
      <c r="AD26" s="17">
        <v>4.4164000000000003</v>
      </c>
      <c r="AE26" s="17">
        <v>4.75467</v>
      </c>
      <c r="AF26" s="17">
        <v>5.22044</v>
      </c>
      <c r="AG26" s="17">
        <v>5.1742100000000004</v>
      </c>
      <c r="AH26" s="17">
        <v>5.52616</v>
      </c>
      <c r="AI26" s="17">
        <v>6.4077000000000002</v>
      </c>
      <c r="AJ26" s="17">
        <v>6.1713100000000001</v>
      </c>
      <c r="AK26" s="17">
        <v>5.9949599999999998</v>
      </c>
      <c r="AL26" s="17">
        <v>6.65123</v>
      </c>
      <c r="AM26" s="17">
        <v>7.3113200000000003</v>
      </c>
      <c r="AN26" s="17">
        <v>7.5660800000000004</v>
      </c>
      <c r="AO26" s="17">
        <v>8.0583399999999994</v>
      </c>
      <c r="AP26" s="17">
        <v>8.4920399999999994</v>
      </c>
      <c r="AQ26" s="17">
        <v>8.8613900000000001</v>
      </c>
      <c r="AR26" s="17">
        <v>9.65517</v>
      </c>
      <c r="AS26" s="17">
        <v>9.5029000000000003</v>
      </c>
      <c r="AT26" s="17">
        <v>8.98278</v>
      </c>
      <c r="AU26" s="17">
        <v>9.5658200000000004</v>
      </c>
      <c r="AV26" s="17">
        <v>9.7058300000000006</v>
      </c>
      <c r="AW26" s="17">
        <v>9.8187599999999993</v>
      </c>
      <c r="AX26" s="17">
        <v>9.2201400000000007</v>
      </c>
      <c r="AY26" s="17">
        <v>8.4384499999999996</v>
      </c>
      <c r="AZ26" s="17">
        <v>9.7242700000000006</v>
      </c>
      <c r="BA26" s="17">
        <v>9.2970000000000006</v>
      </c>
      <c r="BB26" s="17">
        <v>9.0814400000000006</v>
      </c>
      <c r="BC26" s="17">
        <v>8.1297300000000003</v>
      </c>
      <c r="BD26" s="17">
        <v>8.2310999999999996</v>
      </c>
      <c r="BE26" s="17">
        <v>8.0034100000000006</v>
      </c>
      <c r="BF26" s="17">
        <v>8.0115800000000004</v>
      </c>
      <c r="BG26" s="17">
        <v>7.71549</v>
      </c>
      <c r="BH26" s="17">
        <v>7.5087200000000003</v>
      </c>
      <c r="BI26" s="17">
        <v>7.1691900000000004</v>
      </c>
      <c r="BJ26" s="17">
        <v>8.0540400000000005</v>
      </c>
      <c r="BK26" s="17">
        <v>7.3897700000000004</v>
      </c>
      <c r="BL26" s="17">
        <v>7.4740099999999998</v>
      </c>
      <c r="BM26" s="17">
        <v>7.28695</v>
      </c>
      <c r="BN26" s="17">
        <v>6.6953800000000001</v>
      </c>
      <c r="BO26" s="17">
        <v>6.5970500000000003</v>
      </c>
      <c r="BP26" s="17">
        <v>5.1324100000000001</v>
      </c>
      <c r="BQ26" s="17">
        <v>6.2374200000000002</v>
      </c>
      <c r="BR26" s="17">
        <v>4.5298299999999996</v>
      </c>
      <c r="BS26" s="17">
        <v>4.9596099999999996</v>
      </c>
      <c r="BT26" s="17">
        <v>4.9221700000000004</v>
      </c>
      <c r="BU26" s="17">
        <v>4.0095999999999998</v>
      </c>
      <c r="BV26" s="17">
        <v>4.5522200000000002</v>
      </c>
      <c r="BW26" s="17">
        <v>3.7306900000000001</v>
      </c>
      <c r="BX26" s="17">
        <v>3.0424799999999999</v>
      </c>
      <c r="BY26" s="17">
        <v>2.9662199999999999</v>
      </c>
      <c r="BZ26" s="17">
        <v>2.7934899999999998</v>
      </c>
      <c r="CA26" s="17">
        <v>2.9504700000000001</v>
      </c>
      <c r="CB26" s="17">
        <v>2.4646599999999999</v>
      </c>
      <c r="CC26" s="17">
        <v>2.0034100000000001</v>
      </c>
      <c r="CD26" s="17">
        <v>2.0273500000000002</v>
      </c>
      <c r="CE26" s="17">
        <v>1.6082700000000001</v>
      </c>
      <c r="CF26" s="17">
        <v>2.15957</v>
      </c>
      <c r="CG26" s="17">
        <v>2.1116100000000002</v>
      </c>
      <c r="CH26" s="17">
        <v>1.09344</v>
      </c>
      <c r="CI26" s="17">
        <v>1.8007200000000001</v>
      </c>
      <c r="CJ26" s="17">
        <v>2.1604899999999998</v>
      </c>
      <c r="CK26" s="17">
        <v>1.2987</v>
      </c>
      <c r="CL26" s="17">
        <v>0.60975999999999997</v>
      </c>
      <c r="CM26" s="17">
        <v>1.43885</v>
      </c>
      <c r="CN26" s="17">
        <v>0.58479999999999999</v>
      </c>
      <c r="CO26" s="17">
        <v>1.0274000000000001</v>
      </c>
      <c r="CP26" s="17">
        <v>5.4716399999999998</v>
      </c>
      <c r="CQ26" s="17">
        <v>5.48407</v>
      </c>
      <c r="CR26" s="17">
        <v>3.7416100000000001</v>
      </c>
      <c r="CS26" s="17">
        <v>2.1659799999999998</v>
      </c>
      <c r="CT26" s="17">
        <v>6.1474500000000001</v>
      </c>
    </row>
    <row r="27" spans="1:98" x14ac:dyDescent="0.15">
      <c r="A27" s="18" t="s">
        <v>196</v>
      </c>
      <c r="B27" s="18" t="s">
        <v>208</v>
      </c>
      <c r="C27" s="18" t="s">
        <v>153</v>
      </c>
      <c r="D27" s="18" t="s">
        <v>8</v>
      </c>
      <c r="E27" s="18" t="s">
        <v>5</v>
      </c>
      <c r="F27" s="18" t="s">
        <v>157</v>
      </c>
      <c r="G27" s="17">
        <v>32.490580000000001</v>
      </c>
      <c r="H27" s="17">
        <v>100</v>
      </c>
      <c r="I27" s="17">
        <v>100</v>
      </c>
      <c r="J27" s="17">
        <v>99.948049999999995</v>
      </c>
      <c r="K27" s="17">
        <v>99.762129999999999</v>
      </c>
      <c r="L27" s="17">
        <v>99.354240000000004</v>
      </c>
      <c r="M27" s="17">
        <v>99.146829999999994</v>
      </c>
      <c r="N27" s="17">
        <v>97.988770000000002</v>
      </c>
      <c r="O27" s="17">
        <v>96.726600000000005</v>
      </c>
      <c r="P27" s="17">
        <v>95.638949999999994</v>
      </c>
      <c r="Q27" s="17">
        <v>92.234470000000002</v>
      </c>
      <c r="R27" s="17">
        <v>85.046270000000007</v>
      </c>
      <c r="S27" s="17">
        <v>78.92004</v>
      </c>
      <c r="T27" s="17">
        <v>72.692930000000004</v>
      </c>
      <c r="U27" s="17">
        <v>67.678380000000004</v>
      </c>
      <c r="V27" s="17">
        <v>60.406889999999997</v>
      </c>
      <c r="W27" s="17">
        <v>54.423459999999999</v>
      </c>
      <c r="X27" s="17">
        <v>54.456890000000001</v>
      </c>
      <c r="Y27" s="17">
        <v>49.492510000000003</v>
      </c>
      <c r="Z27" s="17">
        <v>48.775799999999997</v>
      </c>
      <c r="AA27" s="17">
        <v>43.108229999999999</v>
      </c>
      <c r="AB27" s="17">
        <v>40.985050000000001</v>
      </c>
      <c r="AC27" s="17">
        <v>38.220120000000001</v>
      </c>
      <c r="AD27" s="17">
        <v>36.32497</v>
      </c>
      <c r="AE27" s="17">
        <v>35.303980000000003</v>
      </c>
      <c r="AF27" s="17">
        <v>35.147880000000001</v>
      </c>
      <c r="AG27" s="17">
        <v>32.605179999999997</v>
      </c>
      <c r="AH27" s="17">
        <v>31.838909999999998</v>
      </c>
      <c r="AI27" s="17">
        <v>31.52844</v>
      </c>
      <c r="AJ27" s="17">
        <v>29.713889999999999</v>
      </c>
      <c r="AK27" s="17">
        <v>30.26735</v>
      </c>
      <c r="AL27" s="17">
        <v>29.367010000000001</v>
      </c>
      <c r="AM27" s="17">
        <v>27.748989999999999</v>
      </c>
      <c r="AN27" s="17">
        <v>26.21002</v>
      </c>
      <c r="AO27" s="17">
        <v>28.064150000000001</v>
      </c>
      <c r="AP27" s="17">
        <v>26.995729999999998</v>
      </c>
      <c r="AQ27" s="17">
        <v>27.209810000000001</v>
      </c>
      <c r="AR27" s="17">
        <v>26.066199999999998</v>
      </c>
      <c r="AS27" s="17">
        <v>24.494070000000001</v>
      </c>
      <c r="AT27" s="17">
        <v>22.730450000000001</v>
      </c>
      <c r="AU27" s="17">
        <v>22.718810000000001</v>
      </c>
      <c r="AV27" s="17">
        <v>21.205190000000002</v>
      </c>
      <c r="AW27" s="17">
        <v>19.083369999999999</v>
      </c>
      <c r="AX27" s="17">
        <v>18.434439999999999</v>
      </c>
      <c r="AY27" s="17">
        <v>19.622160000000001</v>
      </c>
      <c r="AZ27" s="17">
        <v>16.797560000000001</v>
      </c>
      <c r="BA27" s="17">
        <v>16.21509</v>
      </c>
      <c r="BB27" s="17">
        <v>15.41067</v>
      </c>
      <c r="BC27" s="17">
        <v>15.203900000000001</v>
      </c>
      <c r="BD27" s="17">
        <v>13.924049999999999</v>
      </c>
      <c r="BE27" s="17">
        <v>12.63617</v>
      </c>
      <c r="BF27" s="17">
        <v>11.57685</v>
      </c>
      <c r="BG27" s="17">
        <v>11.730930000000001</v>
      </c>
      <c r="BH27" s="17">
        <v>13.225059999999999</v>
      </c>
      <c r="BI27" s="17">
        <v>11.51793</v>
      </c>
      <c r="BJ27" s="17">
        <v>9.9337700000000009</v>
      </c>
      <c r="BK27" s="17">
        <v>9.6141299999999994</v>
      </c>
      <c r="BL27" s="17">
        <v>7.9812200000000004</v>
      </c>
      <c r="BM27" s="17">
        <v>7.2658300000000002</v>
      </c>
      <c r="BN27" s="17">
        <v>5.5131500000000004</v>
      </c>
      <c r="BO27" s="17">
        <v>5.35616</v>
      </c>
      <c r="BP27" s="17">
        <v>4.17537</v>
      </c>
      <c r="BQ27" s="17">
        <v>4.0663900000000002</v>
      </c>
      <c r="BR27" s="17">
        <v>2.89655</v>
      </c>
      <c r="BS27" s="17">
        <v>3.46021</v>
      </c>
      <c r="BT27" s="17">
        <v>2.6910099999999999</v>
      </c>
      <c r="BU27" s="17">
        <v>2.0971299999999999</v>
      </c>
      <c r="BV27" s="17">
        <v>1.1888099999999999</v>
      </c>
      <c r="BW27" s="17">
        <v>1.4989300000000001</v>
      </c>
      <c r="BX27" s="17">
        <v>1.3052900000000001</v>
      </c>
      <c r="BY27" s="17">
        <v>1.53173</v>
      </c>
      <c r="BZ27" s="17">
        <v>1.2855799999999999</v>
      </c>
      <c r="CA27" s="17">
        <v>1.3806700000000001</v>
      </c>
      <c r="CB27" s="17">
        <v>1.91011</v>
      </c>
      <c r="CC27" s="17">
        <v>2.1865899999999998</v>
      </c>
      <c r="CD27" s="17">
        <v>0.76453000000000004</v>
      </c>
      <c r="CE27" s="17">
        <v>1.17188</v>
      </c>
      <c r="CF27" s="17">
        <v>0</v>
      </c>
      <c r="CG27" s="17">
        <v>0.28902</v>
      </c>
      <c r="CH27" s="17">
        <v>0.40816000000000002</v>
      </c>
      <c r="CI27" s="17">
        <v>1.52284</v>
      </c>
      <c r="CJ27" s="17">
        <v>0.87719000000000003</v>
      </c>
      <c r="CK27" s="17">
        <v>2.1052599999999999</v>
      </c>
      <c r="CL27" s="17">
        <v>0</v>
      </c>
      <c r="CM27" s="17">
        <v>0</v>
      </c>
      <c r="CN27" s="17">
        <v>0</v>
      </c>
      <c r="CO27" s="17">
        <v>0</v>
      </c>
      <c r="CP27" s="17">
        <v>44.010010000000001</v>
      </c>
      <c r="CQ27" s="17">
        <v>5.9973900000000002</v>
      </c>
      <c r="CR27" s="17">
        <v>2.3105199999999999</v>
      </c>
      <c r="CS27" s="17">
        <v>1.2293799999999999</v>
      </c>
      <c r="CT27" s="17">
        <v>36.103200000000001</v>
      </c>
    </row>
    <row r="28" spans="1:98" x14ac:dyDescent="0.15">
      <c r="A28" s="18" t="s">
        <v>196</v>
      </c>
      <c r="B28" s="18" t="s">
        <v>314</v>
      </c>
      <c r="C28" s="18" t="s">
        <v>153</v>
      </c>
      <c r="D28" s="18" t="s">
        <v>8</v>
      </c>
      <c r="E28" s="18" t="s">
        <v>5</v>
      </c>
      <c r="F28" s="18" t="s">
        <v>156</v>
      </c>
      <c r="G28" s="17">
        <v>59.757669999999997</v>
      </c>
      <c r="H28" s="17">
        <v>0</v>
      </c>
      <c r="I28" s="17">
        <v>0</v>
      </c>
      <c r="J28" s="17">
        <v>5.1950000000000003E-2</v>
      </c>
      <c r="K28" s="17">
        <v>0.19028999999999999</v>
      </c>
      <c r="L28" s="17">
        <v>0.59963</v>
      </c>
      <c r="M28" s="17">
        <v>0.76336000000000004</v>
      </c>
      <c r="N28" s="17">
        <v>1.8709100000000001</v>
      </c>
      <c r="O28" s="17">
        <v>3.0889799999999998</v>
      </c>
      <c r="P28" s="17">
        <v>4.3103400000000001</v>
      </c>
      <c r="Q28" s="17">
        <v>7.4649299999999998</v>
      </c>
      <c r="R28" s="17">
        <v>14.417920000000001</v>
      </c>
      <c r="S28" s="17">
        <v>20.50883</v>
      </c>
      <c r="T28" s="17">
        <v>26.551539999999999</v>
      </c>
      <c r="U28" s="17">
        <v>31.096910000000001</v>
      </c>
      <c r="V28" s="17">
        <v>38.654150000000001</v>
      </c>
      <c r="W28" s="17">
        <v>44.4831</v>
      </c>
      <c r="X28" s="17">
        <v>43.886989999999997</v>
      </c>
      <c r="Y28" s="17">
        <v>48.719189999999998</v>
      </c>
      <c r="Z28" s="17">
        <v>49.255879999999998</v>
      </c>
      <c r="AA28" s="17">
        <v>54.209069999999997</v>
      </c>
      <c r="AB28" s="17">
        <v>56.640279999999997</v>
      </c>
      <c r="AC28" s="17">
        <v>59.200339999999997</v>
      </c>
      <c r="AD28" s="17">
        <v>60.99532</v>
      </c>
      <c r="AE28" s="17">
        <v>60.712789999999998</v>
      </c>
      <c r="AF28" s="17">
        <v>60.651519999999998</v>
      </c>
      <c r="AG28" s="17">
        <v>63.349510000000002</v>
      </c>
      <c r="AH28" s="17">
        <v>63.943770000000001</v>
      </c>
      <c r="AI28" s="17">
        <v>63.296779999999998</v>
      </c>
      <c r="AJ28" s="17">
        <v>65.735950000000003</v>
      </c>
      <c r="AK28" s="17">
        <v>65.436030000000002</v>
      </c>
      <c r="AL28" s="17">
        <v>65.246499999999997</v>
      </c>
      <c r="AM28" s="17">
        <v>66.580309999999997</v>
      </c>
      <c r="AN28" s="17">
        <v>68.497029999999995</v>
      </c>
      <c r="AO28" s="17">
        <v>65.721649999999997</v>
      </c>
      <c r="AP28" s="17">
        <v>66.118219999999994</v>
      </c>
      <c r="AQ28" s="17">
        <v>65.618120000000005</v>
      </c>
      <c r="AR28" s="17">
        <v>64.704009999999997</v>
      </c>
      <c r="AS28" s="17">
        <v>67.23657</v>
      </c>
      <c r="AT28" s="17">
        <v>69.413409999999999</v>
      </c>
      <c r="AU28" s="17">
        <v>68.109870000000001</v>
      </c>
      <c r="AV28" s="17">
        <v>70.137299999999996</v>
      </c>
      <c r="AW28" s="17">
        <v>71.789810000000003</v>
      </c>
      <c r="AX28" s="17">
        <v>72.563599999999994</v>
      </c>
      <c r="AY28" s="17">
        <v>72.262770000000003</v>
      </c>
      <c r="AZ28" s="17">
        <v>73.865620000000007</v>
      </c>
      <c r="BA28" s="17">
        <v>74.322630000000004</v>
      </c>
      <c r="BB28" s="17">
        <v>74.216769999999997</v>
      </c>
      <c r="BC28" s="17">
        <v>75.842200000000005</v>
      </c>
      <c r="BD28" s="17">
        <v>75.678120000000007</v>
      </c>
      <c r="BE28" s="17">
        <v>77.167760000000001</v>
      </c>
      <c r="BF28" s="17">
        <v>78.762479999999996</v>
      </c>
      <c r="BG28" s="17">
        <v>78.424940000000007</v>
      </c>
      <c r="BH28" s="17">
        <v>75.754059999999996</v>
      </c>
      <c r="BI28" s="17">
        <v>78.337149999999994</v>
      </c>
      <c r="BJ28" s="17">
        <v>78.182490000000001</v>
      </c>
      <c r="BK28" s="17">
        <v>79.136690000000002</v>
      </c>
      <c r="BL28" s="17">
        <v>79.870890000000003</v>
      </c>
      <c r="BM28" s="17">
        <v>79.749049999999997</v>
      </c>
      <c r="BN28" s="17">
        <v>82.386200000000002</v>
      </c>
      <c r="BO28" s="17">
        <v>81.557149999999993</v>
      </c>
      <c r="BP28" s="17">
        <v>85.073070000000001</v>
      </c>
      <c r="BQ28" s="17">
        <v>83.112030000000004</v>
      </c>
      <c r="BR28" s="17">
        <v>84.73563</v>
      </c>
      <c r="BS28" s="17">
        <v>83.261250000000004</v>
      </c>
      <c r="BT28" s="17">
        <v>82.027869999999993</v>
      </c>
      <c r="BU28" s="17">
        <v>83.167770000000004</v>
      </c>
      <c r="BV28" s="17">
        <v>84.195800000000006</v>
      </c>
      <c r="BW28" s="17">
        <v>80.157030000000006</v>
      </c>
      <c r="BX28" s="17">
        <v>80.565629999999999</v>
      </c>
      <c r="BY28" s="17">
        <v>81.619259999999997</v>
      </c>
      <c r="BZ28" s="17">
        <v>76.124889999999994</v>
      </c>
      <c r="CA28" s="17">
        <v>75.936880000000002</v>
      </c>
      <c r="CB28" s="17">
        <v>73.70787</v>
      </c>
      <c r="CC28" s="17">
        <v>69.679299999999998</v>
      </c>
      <c r="CD28" s="17">
        <v>69.571870000000004</v>
      </c>
      <c r="CE28" s="17">
        <v>66.796880000000002</v>
      </c>
      <c r="CF28" s="17">
        <v>60.919539999999998</v>
      </c>
      <c r="CG28" s="17">
        <v>57.803469999999997</v>
      </c>
      <c r="CH28" s="17">
        <v>56.326529999999998</v>
      </c>
      <c r="CI28" s="17">
        <v>55.329949999999997</v>
      </c>
      <c r="CJ28" s="17">
        <v>47.36842</v>
      </c>
      <c r="CK28" s="17">
        <v>32.63158</v>
      </c>
      <c r="CL28" s="17">
        <v>38</v>
      </c>
      <c r="CM28" s="17">
        <v>47.36842</v>
      </c>
      <c r="CN28" s="17">
        <v>31.578949999999999</v>
      </c>
      <c r="CO28" s="17">
        <v>19.047619999999998</v>
      </c>
      <c r="CP28" s="17">
        <v>51.301380000000002</v>
      </c>
      <c r="CQ28" s="17">
        <v>79.206029999999998</v>
      </c>
      <c r="CR28" s="17">
        <v>79.108159999999998</v>
      </c>
      <c r="CS28" s="17">
        <v>68.129469999999998</v>
      </c>
      <c r="CT28" s="17">
        <v>58.221850000000003</v>
      </c>
    </row>
    <row r="29" spans="1:98" x14ac:dyDescent="0.15">
      <c r="A29" s="18" t="s">
        <v>315</v>
      </c>
      <c r="B29" s="18" t="s">
        <v>208</v>
      </c>
      <c r="C29" s="18" t="s">
        <v>153</v>
      </c>
      <c r="D29" s="18" t="s">
        <v>8</v>
      </c>
      <c r="E29" s="18" t="s">
        <v>5</v>
      </c>
      <c r="F29" s="18" t="s">
        <v>155</v>
      </c>
      <c r="G29" s="17">
        <v>3.26776</v>
      </c>
      <c r="H29" s="17">
        <v>0</v>
      </c>
      <c r="I29" s="17">
        <v>0</v>
      </c>
      <c r="J29" s="17">
        <v>0</v>
      </c>
      <c r="K29" s="17">
        <v>0</v>
      </c>
      <c r="L29" s="17">
        <v>0</v>
      </c>
      <c r="M29" s="17">
        <v>0</v>
      </c>
      <c r="N29" s="17">
        <v>9.3549999999999994E-2</v>
      </c>
      <c r="O29" s="17">
        <v>0</v>
      </c>
      <c r="P29" s="17">
        <v>0</v>
      </c>
      <c r="Q29" s="17">
        <v>0</v>
      </c>
      <c r="R29" s="17">
        <v>0</v>
      </c>
      <c r="S29" s="17">
        <v>0</v>
      </c>
      <c r="T29" s="17">
        <v>0</v>
      </c>
      <c r="U29" s="17">
        <v>0</v>
      </c>
      <c r="V29" s="17">
        <v>0</v>
      </c>
      <c r="W29" s="17">
        <v>4.9700000000000001E-2</v>
      </c>
      <c r="X29" s="17">
        <v>4.8710000000000003E-2</v>
      </c>
      <c r="Y29" s="17">
        <v>0</v>
      </c>
      <c r="Z29" s="17">
        <v>4.8009999999999997E-2</v>
      </c>
      <c r="AA29" s="17">
        <v>4.6249999999999999E-2</v>
      </c>
      <c r="AB29" s="17">
        <v>8.795E-2</v>
      </c>
      <c r="AC29" s="17">
        <v>4.299E-2</v>
      </c>
      <c r="AD29" s="17">
        <v>0</v>
      </c>
      <c r="AE29" s="17">
        <v>8.3860000000000004E-2</v>
      </c>
      <c r="AF29" s="17">
        <v>8.5730000000000001E-2</v>
      </c>
      <c r="AG29" s="17">
        <v>0.12136</v>
      </c>
      <c r="AH29" s="17">
        <v>3.7990000000000003E-2</v>
      </c>
      <c r="AI29" s="17">
        <v>0.10281</v>
      </c>
      <c r="AJ29" s="17">
        <v>0.10341</v>
      </c>
      <c r="AK29" s="17">
        <v>9.5479999999999995E-2</v>
      </c>
      <c r="AL29" s="17">
        <v>0.36519000000000001</v>
      </c>
      <c r="AM29" s="17">
        <v>0.23028000000000001</v>
      </c>
      <c r="AN29" s="17">
        <v>8.4909999999999999E-2</v>
      </c>
      <c r="AO29" s="17">
        <v>0.25773000000000001</v>
      </c>
      <c r="AP29" s="17">
        <v>0.45704</v>
      </c>
      <c r="AQ29" s="17">
        <v>0.47184999999999999</v>
      </c>
      <c r="AR29" s="17">
        <v>0.44557999999999998</v>
      </c>
      <c r="AS29" s="17">
        <v>0.48848999999999998</v>
      </c>
      <c r="AT29" s="17">
        <v>0.59358</v>
      </c>
      <c r="AU29" s="17">
        <v>1.25698</v>
      </c>
      <c r="AV29" s="17">
        <v>0.61021999999999998</v>
      </c>
      <c r="AW29" s="17">
        <v>1.1457900000000001</v>
      </c>
      <c r="AX29" s="17">
        <v>1.13503</v>
      </c>
      <c r="AY29" s="17">
        <v>1.33104</v>
      </c>
      <c r="AZ29" s="17">
        <v>1.1343799999999999</v>
      </c>
      <c r="BA29" s="17">
        <v>1.5006299999999999</v>
      </c>
      <c r="BB29" s="17">
        <v>2.0745100000000001</v>
      </c>
      <c r="BC29" s="17">
        <v>1.8616999999999999</v>
      </c>
      <c r="BD29" s="17">
        <v>2.48644</v>
      </c>
      <c r="BE29" s="17">
        <v>2.3093699999999999</v>
      </c>
      <c r="BF29" s="17">
        <v>2.7145700000000001</v>
      </c>
      <c r="BG29" s="17">
        <v>3.1993399999999999</v>
      </c>
      <c r="BH29" s="17">
        <v>3.6736300000000002</v>
      </c>
      <c r="BI29" s="17">
        <v>4.0427200000000001</v>
      </c>
      <c r="BJ29" s="17">
        <v>4.7093499999999997</v>
      </c>
      <c r="BK29" s="17">
        <v>4.4473500000000001</v>
      </c>
      <c r="BL29" s="17">
        <v>5.1056299999999997</v>
      </c>
      <c r="BM29" s="17">
        <v>6.85731</v>
      </c>
      <c r="BN29" s="17">
        <v>5.9089600000000004</v>
      </c>
      <c r="BO29" s="17">
        <v>7.17835</v>
      </c>
      <c r="BP29" s="17">
        <v>7.0981199999999998</v>
      </c>
      <c r="BQ29" s="17">
        <v>7.0124500000000003</v>
      </c>
      <c r="BR29" s="17">
        <v>8.9655199999999997</v>
      </c>
      <c r="BS29" s="17">
        <v>8.9100300000000008</v>
      </c>
      <c r="BT29" s="17">
        <v>10.812110000000001</v>
      </c>
      <c r="BU29" s="17">
        <v>11.313470000000001</v>
      </c>
      <c r="BV29" s="17">
        <v>11.538460000000001</v>
      </c>
      <c r="BW29" s="17">
        <v>14.561030000000001</v>
      </c>
      <c r="BX29" s="17">
        <v>15.300940000000001</v>
      </c>
      <c r="BY29" s="17">
        <v>15.17141</v>
      </c>
      <c r="BZ29" s="17">
        <v>21.946739999999998</v>
      </c>
      <c r="CA29" s="17">
        <v>20.414200000000001</v>
      </c>
      <c r="CB29" s="17">
        <v>22.92135</v>
      </c>
      <c r="CC29" s="17">
        <v>26.676380000000002</v>
      </c>
      <c r="CD29" s="17">
        <v>28.440370000000001</v>
      </c>
      <c r="CE29" s="17">
        <v>30.859380000000002</v>
      </c>
      <c r="CF29" s="17">
        <v>36.781610000000001</v>
      </c>
      <c r="CG29" s="17">
        <v>41.329479999999997</v>
      </c>
      <c r="CH29" s="17">
        <v>42.857140000000001</v>
      </c>
      <c r="CI29" s="17">
        <v>42.131979999999999</v>
      </c>
      <c r="CJ29" s="17">
        <v>51.754390000000001</v>
      </c>
      <c r="CK29" s="17">
        <v>65.263159999999999</v>
      </c>
      <c r="CL29" s="17">
        <v>62</v>
      </c>
      <c r="CM29" s="17">
        <v>52.63158</v>
      </c>
      <c r="CN29" s="17">
        <v>68.421049999999994</v>
      </c>
      <c r="CO29" s="17">
        <v>80.952380000000005</v>
      </c>
      <c r="CP29" s="17">
        <v>0.43297000000000002</v>
      </c>
      <c r="CQ29" s="17">
        <v>9.7873999999999999</v>
      </c>
      <c r="CR29" s="17">
        <v>15.42103</v>
      </c>
      <c r="CS29" s="17">
        <v>29.365079999999999</v>
      </c>
      <c r="CT29" s="17">
        <v>0.80576000000000003</v>
      </c>
    </row>
    <row r="30" spans="1:98" x14ac:dyDescent="0.15">
      <c r="A30" s="18" t="s">
        <v>196</v>
      </c>
      <c r="B30" s="18" t="s">
        <v>208</v>
      </c>
      <c r="C30" s="18" t="s">
        <v>153</v>
      </c>
      <c r="D30" s="18" t="s">
        <v>8</v>
      </c>
      <c r="E30" s="18" t="s">
        <v>5</v>
      </c>
      <c r="F30" s="18" t="s">
        <v>154</v>
      </c>
      <c r="G30" s="17">
        <v>4.4839900000000004</v>
      </c>
      <c r="H30" s="17">
        <v>0</v>
      </c>
      <c r="I30" s="17">
        <v>0</v>
      </c>
      <c r="J30" s="17">
        <v>0</v>
      </c>
      <c r="K30" s="17">
        <v>4.7570000000000001E-2</v>
      </c>
      <c r="L30" s="17">
        <v>4.6129999999999997E-2</v>
      </c>
      <c r="M30" s="17">
        <v>8.9810000000000001E-2</v>
      </c>
      <c r="N30" s="17">
        <v>4.6769999999999999E-2</v>
      </c>
      <c r="O30" s="17">
        <v>0.18442</v>
      </c>
      <c r="P30" s="17">
        <v>5.0709999999999998E-2</v>
      </c>
      <c r="Q30" s="17">
        <v>0.30059999999999998</v>
      </c>
      <c r="R30" s="17">
        <v>0.53580000000000005</v>
      </c>
      <c r="S30" s="17">
        <v>0.57113000000000003</v>
      </c>
      <c r="T30" s="17">
        <v>0.75553000000000003</v>
      </c>
      <c r="U30" s="17">
        <v>1.22471</v>
      </c>
      <c r="V30" s="17">
        <v>0.93896999999999997</v>
      </c>
      <c r="W30" s="17">
        <v>1.0437399999999999</v>
      </c>
      <c r="X30" s="17">
        <v>1.6073999999999999</v>
      </c>
      <c r="Y30" s="17">
        <v>1.7883</v>
      </c>
      <c r="Z30" s="17">
        <v>1.92031</v>
      </c>
      <c r="AA30" s="17">
        <v>2.63645</v>
      </c>
      <c r="AB30" s="17">
        <v>2.2867199999999999</v>
      </c>
      <c r="AC30" s="17">
        <v>2.53654</v>
      </c>
      <c r="AD30" s="17">
        <v>2.67971</v>
      </c>
      <c r="AE30" s="17">
        <v>3.8993699999999998</v>
      </c>
      <c r="AF30" s="17">
        <v>4.1148699999999998</v>
      </c>
      <c r="AG30" s="17">
        <v>3.92395</v>
      </c>
      <c r="AH30" s="17">
        <v>4.1793300000000002</v>
      </c>
      <c r="AI30" s="17">
        <v>5.0719700000000003</v>
      </c>
      <c r="AJ30" s="17">
        <v>4.4467400000000001</v>
      </c>
      <c r="AK30" s="17">
        <v>4.2011500000000002</v>
      </c>
      <c r="AL30" s="17">
        <v>5.0213000000000001</v>
      </c>
      <c r="AM30" s="17">
        <v>5.44041</v>
      </c>
      <c r="AN30" s="17">
        <v>5.2080399999999996</v>
      </c>
      <c r="AO30" s="17">
        <v>5.9564700000000004</v>
      </c>
      <c r="AP30" s="17">
        <v>6.4290099999999999</v>
      </c>
      <c r="AQ30" s="17">
        <v>6.7002199999999998</v>
      </c>
      <c r="AR30" s="17">
        <v>8.7842099999999999</v>
      </c>
      <c r="AS30" s="17">
        <v>7.7808799999999998</v>
      </c>
      <c r="AT30" s="17">
        <v>7.2625700000000002</v>
      </c>
      <c r="AU30" s="17">
        <v>7.9143400000000002</v>
      </c>
      <c r="AV30" s="17">
        <v>8.0472900000000003</v>
      </c>
      <c r="AW30" s="17">
        <v>7.9810400000000001</v>
      </c>
      <c r="AX30" s="17">
        <v>7.86693</v>
      </c>
      <c r="AY30" s="17">
        <v>6.7840299999999996</v>
      </c>
      <c r="AZ30" s="17">
        <v>8.2024399999999993</v>
      </c>
      <c r="BA30" s="17">
        <v>7.9616499999999997</v>
      </c>
      <c r="BB30" s="17">
        <v>8.2980499999999999</v>
      </c>
      <c r="BC30" s="17">
        <v>7.0922000000000001</v>
      </c>
      <c r="BD30" s="17">
        <v>7.9113899999999999</v>
      </c>
      <c r="BE30" s="17">
        <v>7.8867099999999999</v>
      </c>
      <c r="BF30" s="17">
        <v>6.94611</v>
      </c>
      <c r="BG30" s="17">
        <v>6.6447900000000004</v>
      </c>
      <c r="BH30" s="17">
        <v>7.3472499999999998</v>
      </c>
      <c r="BI30" s="17">
        <v>6.1022100000000004</v>
      </c>
      <c r="BJ30" s="17">
        <v>7.1743899999999998</v>
      </c>
      <c r="BK30" s="17">
        <v>6.8018299999999998</v>
      </c>
      <c r="BL30" s="17">
        <v>7.0422500000000001</v>
      </c>
      <c r="BM30" s="17">
        <v>6.1278100000000002</v>
      </c>
      <c r="BN30" s="17">
        <v>6.1916900000000004</v>
      </c>
      <c r="BO30" s="17">
        <v>5.9083399999999999</v>
      </c>
      <c r="BP30" s="17">
        <v>3.6534399999999998</v>
      </c>
      <c r="BQ30" s="17">
        <v>5.8091299999999997</v>
      </c>
      <c r="BR30" s="17">
        <v>3.4022999999999999</v>
      </c>
      <c r="BS30" s="17">
        <v>4.3685099999999997</v>
      </c>
      <c r="BT30" s="17">
        <v>4.4690099999999999</v>
      </c>
      <c r="BU30" s="17">
        <v>3.4216299999999999</v>
      </c>
      <c r="BV30" s="17">
        <v>3.0769199999999999</v>
      </c>
      <c r="BW30" s="17">
        <v>3.78301</v>
      </c>
      <c r="BX30" s="17">
        <v>2.8281399999999999</v>
      </c>
      <c r="BY30" s="17">
        <v>1.67761</v>
      </c>
      <c r="BZ30" s="17">
        <v>0.64278999999999997</v>
      </c>
      <c r="CA30" s="17">
        <v>2.26824</v>
      </c>
      <c r="CB30" s="17">
        <v>1.4606699999999999</v>
      </c>
      <c r="CC30" s="17">
        <v>1.45773</v>
      </c>
      <c r="CD30" s="17">
        <v>1.2232400000000001</v>
      </c>
      <c r="CE30" s="17">
        <v>1.17188</v>
      </c>
      <c r="CF30" s="17">
        <v>2.2988499999999998</v>
      </c>
      <c r="CG30" s="17">
        <v>0.57803000000000004</v>
      </c>
      <c r="CH30" s="17">
        <v>0.40816000000000002</v>
      </c>
      <c r="CI30" s="17">
        <v>1.0152300000000001</v>
      </c>
      <c r="CJ30" s="17">
        <v>0</v>
      </c>
      <c r="CK30" s="17">
        <v>0</v>
      </c>
      <c r="CL30" s="17">
        <v>0</v>
      </c>
      <c r="CM30" s="17">
        <v>0</v>
      </c>
      <c r="CN30" s="17">
        <v>0</v>
      </c>
      <c r="CO30" s="17">
        <v>0</v>
      </c>
      <c r="CP30" s="17">
        <v>4.25563</v>
      </c>
      <c r="CQ30" s="17">
        <v>5.0091799999999997</v>
      </c>
      <c r="CR30" s="17">
        <v>3.1602800000000002</v>
      </c>
      <c r="CS30" s="17">
        <v>1.27607</v>
      </c>
      <c r="CT30" s="17">
        <v>4.8691899999999997</v>
      </c>
    </row>
    <row r="31" spans="1:98" x14ac:dyDescent="0.15">
      <c r="A31" s="18" t="s">
        <v>196</v>
      </c>
      <c r="B31" s="18" t="s">
        <v>208</v>
      </c>
      <c r="C31" s="18" t="s">
        <v>153</v>
      </c>
      <c r="D31" s="18" t="s">
        <v>8</v>
      </c>
      <c r="E31" s="18" t="s">
        <v>4</v>
      </c>
      <c r="F31" s="18" t="s">
        <v>157</v>
      </c>
      <c r="G31" s="17">
        <v>21.081869999999999</v>
      </c>
      <c r="H31" s="17">
        <v>100</v>
      </c>
      <c r="I31" s="17">
        <v>100</v>
      </c>
      <c r="J31" s="17">
        <v>99.837050000000005</v>
      </c>
      <c r="K31" s="17">
        <v>99.785640000000001</v>
      </c>
      <c r="L31" s="17">
        <v>99.109629999999996</v>
      </c>
      <c r="M31" s="17">
        <v>98.256469999999993</v>
      </c>
      <c r="N31" s="17">
        <v>96.969700000000003</v>
      </c>
      <c r="O31" s="17">
        <v>94.067310000000006</v>
      </c>
      <c r="P31" s="17">
        <v>89.821430000000007</v>
      </c>
      <c r="Q31" s="17">
        <v>84.843209999999999</v>
      </c>
      <c r="R31" s="17">
        <v>76.906199999999998</v>
      </c>
      <c r="S31" s="17">
        <v>66.396289999999993</v>
      </c>
      <c r="T31" s="17">
        <v>57.257599999999996</v>
      </c>
      <c r="U31" s="17">
        <v>52.364269999999998</v>
      </c>
      <c r="V31" s="17">
        <v>44.084760000000003</v>
      </c>
      <c r="W31" s="17">
        <v>38.573830000000001</v>
      </c>
      <c r="X31" s="17">
        <v>36.2209</v>
      </c>
      <c r="Y31" s="17">
        <v>31.848179999999999</v>
      </c>
      <c r="Z31" s="17">
        <v>31.224489999999999</v>
      </c>
      <c r="AA31" s="17">
        <v>28.774509999999999</v>
      </c>
      <c r="AB31" s="17">
        <v>26.052389999999999</v>
      </c>
      <c r="AC31" s="17">
        <v>23.36317</v>
      </c>
      <c r="AD31" s="17">
        <v>21.13081</v>
      </c>
      <c r="AE31" s="17">
        <v>20.081040000000002</v>
      </c>
      <c r="AF31" s="17">
        <v>20.844560000000001</v>
      </c>
      <c r="AG31" s="17">
        <v>19.732869999999998</v>
      </c>
      <c r="AH31" s="17">
        <v>19.142050000000001</v>
      </c>
      <c r="AI31" s="17">
        <v>18.564260000000001</v>
      </c>
      <c r="AJ31" s="17">
        <v>18.261500000000002</v>
      </c>
      <c r="AK31" s="17">
        <v>17.028079999999999</v>
      </c>
      <c r="AL31" s="17">
        <v>17.626799999999999</v>
      </c>
      <c r="AM31" s="17">
        <v>16.43505</v>
      </c>
      <c r="AN31" s="17">
        <v>16.07516</v>
      </c>
      <c r="AO31" s="17">
        <v>15.625</v>
      </c>
      <c r="AP31" s="17">
        <v>15.17286</v>
      </c>
      <c r="AQ31" s="17">
        <v>14.543559999999999</v>
      </c>
      <c r="AR31" s="17">
        <v>14.48448</v>
      </c>
      <c r="AS31" s="17">
        <v>13.12345</v>
      </c>
      <c r="AT31" s="17">
        <v>13.14554</v>
      </c>
      <c r="AU31" s="17">
        <v>12.59843</v>
      </c>
      <c r="AV31" s="17">
        <v>11.049720000000001</v>
      </c>
      <c r="AW31" s="17">
        <v>9.5180699999999998</v>
      </c>
      <c r="AX31" s="17">
        <v>9.0438200000000002</v>
      </c>
      <c r="AY31" s="17">
        <v>9.2111099999999997</v>
      </c>
      <c r="AZ31" s="17">
        <v>8.0113900000000005</v>
      </c>
      <c r="BA31" s="17">
        <v>7.3474500000000003</v>
      </c>
      <c r="BB31" s="17">
        <v>6.60107</v>
      </c>
      <c r="BC31" s="17">
        <v>5.9940899999999999</v>
      </c>
      <c r="BD31" s="17">
        <v>5.6362800000000002</v>
      </c>
      <c r="BE31" s="17">
        <v>5.4099000000000004</v>
      </c>
      <c r="BF31" s="17">
        <v>4.3738299999999999</v>
      </c>
      <c r="BG31" s="17">
        <v>4.1748700000000003</v>
      </c>
      <c r="BH31" s="17">
        <v>4.2991999999999999</v>
      </c>
      <c r="BI31" s="17">
        <v>3.5663299999999998</v>
      </c>
      <c r="BJ31" s="17">
        <v>3.55585</v>
      </c>
      <c r="BK31" s="17">
        <v>3.3613400000000002</v>
      </c>
      <c r="BL31" s="17">
        <v>3.8005399999999998</v>
      </c>
      <c r="BM31" s="17">
        <v>4.3523300000000003</v>
      </c>
      <c r="BN31" s="17">
        <v>3.7818200000000002</v>
      </c>
      <c r="BO31" s="17">
        <v>3.3096899999999998</v>
      </c>
      <c r="BP31" s="17">
        <v>4.0408299999999997</v>
      </c>
      <c r="BQ31" s="17">
        <v>2.9440599999999999</v>
      </c>
      <c r="BR31" s="17">
        <v>2.2021700000000002</v>
      </c>
      <c r="BS31" s="17">
        <v>2.7897699999999999</v>
      </c>
      <c r="BT31" s="17">
        <v>2.9554800000000001</v>
      </c>
      <c r="BU31" s="17">
        <v>2.4224399999999999</v>
      </c>
      <c r="BV31" s="17">
        <v>2.7964799999999999</v>
      </c>
      <c r="BW31" s="17">
        <v>2.7093600000000002</v>
      </c>
      <c r="BX31" s="17">
        <v>2.7553399999999999</v>
      </c>
      <c r="BY31" s="17">
        <v>2.2467000000000001</v>
      </c>
      <c r="BZ31" s="17">
        <v>2.4151799999999999</v>
      </c>
      <c r="CA31" s="17">
        <v>2.72777</v>
      </c>
      <c r="CB31" s="17">
        <v>1.97967</v>
      </c>
      <c r="CC31" s="17">
        <v>2.22892</v>
      </c>
      <c r="CD31" s="17">
        <v>1.7723199999999999</v>
      </c>
      <c r="CE31" s="17">
        <v>2.2782800000000001</v>
      </c>
      <c r="CF31" s="17">
        <v>2.5162300000000002</v>
      </c>
      <c r="CG31" s="17">
        <v>1.83673</v>
      </c>
      <c r="CH31" s="17">
        <v>3.8107799999999998</v>
      </c>
      <c r="CI31" s="17">
        <v>1.72956</v>
      </c>
      <c r="CJ31" s="17">
        <v>1.3108599999999999</v>
      </c>
      <c r="CK31" s="17">
        <v>0.81744000000000006</v>
      </c>
      <c r="CL31" s="17">
        <v>1.07914</v>
      </c>
      <c r="CM31" s="17">
        <v>1.6666700000000001</v>
      </c>
      <c r="CN31" s="17">
        <v>2.63158</v>
      </c>
      <c r="CO31" s="17">
        <v>0</v>
      </c>
      <c r="CP31" s="17">
        <v>32.268009999999997</v>
      </c>
      <c r="CQ31" s="17">
        <v>3.1269800000000001</v>
      </c>
      <c r="CR31" s="17">
        <v>2.54915</v>
      </c>
      <c r="CS31" s="17">
        <v>2.1671999999999998</v>
      </c>
      <c r="CT31" s="17">
        <v>23.78848</v>
      </c>
    </row>
    <row r="32" spans="1:98" x14ac:dyDescent="0.15">
      <c r="A32" s="18" t="s">
        <v>196</v>
      </c>
      <c r="B32" s="18" t="s">
        <v>208</v>
      </c>
      <c r="C32" s="18" t="s">
        <v>153</v>
      </c>
      <c r="D32" s="18" t="s">
        <v>8</v>
      </c>
      <c r="E32" s="18" t="s">
        <v>4</v>
      </c>
      <c r="F32" s="18" t="s">
        <v>156</v>
      </c>
      <c r="G32" s="17">
        <v>55.987310000000001</v>
      </c>
      <c r="H32" s="17">
        <v>0</v>
      </c>
      <c r="I32" s="17">
        <v>0</v>
      </c>
      <c r="J32" s="17">
        <v>0.16295000000000001</v>
      </c>
      <c r="K32" s="17">
        <v>0.21435999999999999</v>
      </c>
      <c r="L32" s="17">
        <v>0.77907999999999999</v>
      </c>
      <c r="M32" s="17">
        <v>1.4623200000000001</v>
      </c>
      <c r="N32" s="17">
        <v>2.9220799999999998</v>
      </c>
      <c r="O32" s="17">
        <v>5.5333699999999997</v>
      </c>
      <c r="P32" s="17">
        <v>9.4642900000000001</v>
      </c>
      <c r="Q32" s="17">
        <v>14.45993</v>
      </c>
      <c r="R32" s="17">
        <v>21.941849999999999</v>
      </c>
      <c r="S32" s="17">
        <v>31.575900000000001</v>
      </c>
      <c r="T32" s="17">
        <v>40.562249999999999</v>
      </c>
      <c r="U32" s="17">
        <v>45.534149999999997</v>
      </c>
      <c r="V32" s="17">
        <v>53.796349999999997</v>
      </c>
      <c r="W32" s="17">
        <v>58.338009999999997</v>
      </c>
      <c r="X32" s="17">
        <v>59.664319999999996</v>
      </c>
      <c r="Y32" s="17">
        <v>64.631460000000004</v>
      </c>
      <c r="Z32" s="17">
        <v>64.285709999999995</v>
      </c>
      <c r="AA32" s="17">
        <v>66.666669999999996</v>
      </c>
      <c r="AB32" s="17">
        <v>68.568759999999997</v>
      </c>
      <c r="AC32" s="17">
        <v>70.513419999999996</v>
      </c>
      <c r="AD32" s="17">
        <v>72.448490000000007</v>
      </c>
      <c r="AE32" s="17">
        <v>73.795590000000004</v>
      </c>
      <c r="AF32" s="17">
        <v>72.416889999999995</v>
      </c>
      <c r="AG32" s="17">
        <v>73.416629999999998</v>
      </c>
      <c r="AH32" s="17">
        <v>73.452039999999997</v>
      </c>
      <c r="AI32" s="17">
        <v>73.253569999999996</v>
      </c>
      <c r="AJ32" s="17">
        <v>73.301680000000005</v>
      </c>
      <c r="AK32" s="17">
        <v>74.262349999999998</v>
      </c>
      <c r="AL32" s="17">
        <v>73.231059999999999</v>
      </c>
      <c r="AM32" s="17">
        <v>73.504530000000003</v>
      </c>
      <c r="AN32" s="17">
        <v>72.860129999999998</v>
      </c>
      <c r="AO32" s="17">
        <v>73.027910000000006</v>
      </c>
      <c r="AP32" s="17">
        <v>72.823300000000003</v>
      </c>
      <c r="AQ32" s="17">
        <v>72.787229999999994</v>
      </c>
      <c r="AR32" s="17">
        <v>72.779169999999993</v>
      </c>
      <c r="AS32" s="17">
        <v>73.470110000000005</v>
      </c>
      <c r="AT32" s="17">
        <v>73.239440000000002</v>
      </c>
      <c r="AU32" s="17">
        <v>73.737840000000006</v>
      </c>
      <c r="AV32" s="17">
        <v>74.5488</v>
      </c>
      <c r="AW32" s="17">
        <v>75.421689999999998</v>
      </c>
      <c r="AX32" s="17">
        <v>76.254980000000003</v>
      </c>
      <c r="AY32" s="17">
        <v>75.848389999999995</v>
      </c>
      <c r="AZ32" s="17">
        <v>75.030500000000004</v>
      </c>
      <c r="BA32" s="17">
        <v>76.214200000000005</v>
      </c>
      <c r="BB32" s="17">
        <v>77.531779999999998</v>
      </c>
      <c r="BC32" s="17">
        <v>76.86788</v>
      </c>
      <c r="BD32" s="17">
        <v>78.423599999999993</v>
      </c>
      <c r="BE32" s="17">
        <v>77.569699999999997</v>
      </c>
      <c r="BF32" s="17">
        <v>76.560749999999999</v>
      </c>
      <c r="BG32" s="17">
        <v>76.092950000000002</v>
      </c>
      <c r="BH32" s="17">
        <v>76.406850000000006</v>
      </c>
      <c r="BI32" s="17">
        <v>74.643370000000004</v>
      </c>
      <c r="BJ32" s="17">
        <v>72.660179999999997</v>
      </c>
      <c r="BK32" s="17">
        <v>71.486530000000002</v>
      </c>
      <c r="BL32" s="17">
        <v>69.191370000000006</v>
      </c>
      <c r="BM32" s="17">
        <v>66.554400000000001</v>
      </c>
      <c r="BN32" s="17">
        <v>66.400000000000006</v>
      </c>
      <c r="BO32" s="17">
        <v>63.782510000000002</v>
      </c>
      <c r="BP32" s="17">
        <v>62.016159999999999</v>
      </c>
      <c r="BQ32" s="17">
        <v>58.783119999999997</v>
      </c>
      <c r="BR32" s="17">
        <v>57.725630000000002</v>
      </c>
      <c r="BS32" s="17">
        <v>51.976089999999999</v>
      </c>
      <c r="BT32" s="17">
        <v>47.549570000000003</v>
      </c>
      <c r="BU32" s="17">
        <v>45.558860000000003</v>
      </c>
      <c r="BV32" s="17">
        <v>41.532879999999999</v>
      </c>
      <c r="BW32" s="17">
        <v>41.034480000000002</v>
      </c>
      <c r="BX32" s="17">
        <v>35.391919999999999</v>
      </c>
      <c r="BY32" s="17">
        <v>28.67841</v>
      </c>
      <c r="BZ32" s="17">
        <v>26.79701</v>
      </c>
      <c r="CA32" s="17">
        <v>20.89471</v>
      </c>
      <c r="CB32" s="17">
        <v>19.154630000000001</v>
      </c>
      <c r="CC32" s="17">
        <v>15.90361</v>
      </c>
      <c r="CD32" s="17">
        <v>13.019769999999999</v>
      </c>
      <c r="CE32" s="17">
        <v>10.74044</v>
      </c>
      <c r="CF32" s="17">
        <v>8.6038999999999994</v>
      </c>
      <c r="CG32" s="17">
        <v>6.1224499999999997</v>
      </c>
      <c r="CH32" s="17">
        <v>5.51905</v>
      </c>
      <c r="CI32" s="17">
        <v>3.6163500000000002</v>
      </c>
      <c r="CJ32" s="17">
        <v>4.3071200000000003</v>
      </c>
      <c r="CK32" s="17">
        <v>2.7248000000000001</v>
      </c>
      <c r="CL32" s="17">
        <v>1.7985599999999999</v>
      </c>
      <c r="CM32" s="17">
        <v>0.41666999999999998</v>
      </c>
      <c r="CN32" s="17">
        <v>0.65788999999999997</v>
      </c>
      <c r="CO32" s="17">
        <v>0.4</v>
      </c>
      <c r="CP32" s="17">
        <v>59.255710000000001</v>
      </c>
      <c r="CQ32" s="17">
        <v>50.741199999999999</v>
      </c>
      <c r="CR32" s="17">
        <v>34.840870000000002</v>
      </c>
      <c r="CS32" s="17">
        <v>13.568</v>
      </c>
      <c r="CT32" s="17">
        <v>65.646450000000002</v>
      </c>
    </row>
    <row r="33" spans="1:98" x14ac:dyDescent="0.15">
      <c r="A33" s="18" t="s">
        <v>196</v>
      </c>
      <c r="B33" s="18" t="s">
        <v>208</v>
      </c>
      <c r="C33" s="18" t="s">
        <v>153</v>
      </c>
      <c r="D33" s="18" t="s">
        <v>8</v>
      </c>
      <c r="E33" s="18" t="s">
        <v>4</v>
      </c>
      <c r="F33" s="18" t="s">
        <v>155</v>
      </c>
      <c r="G33" s="17">
        <v>16.51877</v>
      </c>
      <c r="H33" s="17">
        <v>0</v>
      </c>
      <c r="I33" s="17">
        <v>0</v>
      </c>
      <c r="J33" s="17">
        <v>0</v>
      </c>
      <c r="K33" s="17">
        <v>0</v>
      </c>
      <c r="L33" s="17">
        <v>0</v>
      </c>
      <c r="M33" s="17">
        <v>5.6239999999999998E-2</v>
      </c>
      <c r="N33" s="17">
        <v>0</v>
      </c>
      <c r="O33" s="17">
        <v>0</v>
      </c>
      <c r="P33" s="17">
        <v>5.9520000000000003E-2</v>
      </c>
      <c r="Q33" s="17">
        <v>0</v>
      </c>
      <c r="R33" s="17">
        <v>0</v>
      </c>
      <c r="S33" s="17">
        <v>0.11587</v>
      </c>
      <c r="T33" s="17">
        <v>0.11473999999999999</v>
      </c>
      <c r="U33" s="17">
        <v>0</v>
      </c>
      <c r="V33" s="17">
        <v>5.8860000000000003E-2</v>
      </c>
      <c r="W33" s="17">
        <v>0</v>
      </c>
      <c r="X33" s="17">
        <v>0.16242999999999999</v>
      </c>
      <c r="Y33" s="17">
        <v>5.5010000000000003E-2</v>
      </c>
      <c r="Z33" s="17">
        <v>0.30612</v>
      </c>
      <c r="AA33" s="17">
        <v>9.8040000000000002E-2</v>
      </c>
      <c r="AB33" s="17">
        <v>0.18709000000000001</v>
      </c>
      <c r="AC33" s="17">
        <v>0.18840999999999999</v>
      </c>
      <c r="AD33" s="17">
        <v>4.7919999999999997E-2</v>
      </c>
      <c r="AE33" s="17">
        <v>0.45024999999999998</v>
      </c>
      <c r="AF33" s="17">
        <v>0.35938999999999999</v>
      </c>
      <c r="AG33" s="17">
        <v>0.34467999999999999</v>
      </c>
      <c r="AH33" s="17">
        <v>0.44516</v>
      </c>
      <c r="AI33" s="17">
        <v>0.27017000000000002</v>
      </c>
      <c r="AJ33" s="17">
        <v>0.43828</v>
      </c>
      <c r="AK33" s="17">
        <v>0.71097999999999995</v>
      </c>
      <c r="AL33" s="17">
        <v>0.81403000000000003</v>
      </c>
      <c r="AM33" s="17">
        <v>0.78549999999999998</v>
      </c>
      <c r="AN33" s="17">
        <v>1.0140199999999999</v>
      </c>
      <c r="AO33" s="17">
        <v>1.06189</v>
      </c>
      <c r="AP33" s="17">
        <v>1.34443</v>
      </c>
      <c r="AQ33" s="17">
        <v>1.4231199999999999</v>
      </c>
      <c r="AR33" s="17">
        <v>2.1048900000000001</v>
      </c>
      <c r="AS33" s="17">
        <v>2.1577600000000001</v>
      </c>
      <c r="AT33" s="17">
        <v>2.8530199999999999</v>
      </c>
      <c r="AU33" s="17">
        <v>2.4548399999999999</v>
      </c>
      <c r="AV33" s="17">
        <v>3.0939199999999998</v>
      </c>
      <c r="AW33" s="17">
        <v>3.3734899999999999</v>
      </c>
      <c r="AX33" s="17">
        <v>4.1035899999999996</v>
      </c>
      <c r="AY33" s="17">
        <v>4.8038800000000004</v>
      </c>
      <c r="AZ33" s="17">
        <v>5.8153699999999997</v>
      </c>
      <c r="BA33" s="17">
        <v>5.8115399999999999</v>
      </c>
      <c r="BB33" s="17">
        <v>6.0270599999999996</v>
      </c>
      <c r="BC33" s="17">
        <v>8.0202600000000004</v>
      </c>
      <c r="BD33" s="17">
        <v>7.3976199999999999</v>
      </c>
      <c r="BE33" s="17">
        <v>8.9055300000000006</v>
      </c>
      <c r="BF33" s="17">
        <v>10.05607</v>
      </c>
      <c r="BG33" s="17">
        <v>10.988580000000001</v>
      </c>
      <c r="BH33" s="17">
        <v>11.639290000000001</v>
      </c>
      <c r="BI33" s="17">
        <v>13.6234</v>
      </c>
      <c r="BJ33" s="17">
        <v>14.92788</v>
      </c>
      <c r="BK33" s="17">
        <v>17.241379999999999</v>
      </c>
      <c r="BL33" s="17">
        <v>19.13747</v>
      </c>
      <c r="BM33" s="17">
        <v>20.777200000000001</v>
      </c>
      <c r="BN33" s="17">
        <v>22.690909999999999</v>
      </c>
      <c r="BO33" s="17">
        <v>25.721039999999999</v>
      </c>
      <c r="BP33" s="17">
        <v>27.605270000000001</v>
      </c>
      <c r="BQ33" s="17">
        <v>31.69774</v>
      </c>
      <c r="BR33" s="17">
        <v>34.657040000000002</v>
      </c>
      <c r="BS33" s="17">
        <v>39.820659999999997</v>
      </c>
      <c r="BT33" s="17">
        <v>44.21998</v>
      </c>
      <c r="BU33" s="17">
        <v>47.556310000000003</v>
      </c>
      <c r="BV33" s="17">
        <v>50.025889999999997</v>
      </c>
      <c r="BW33" s="17">
        <v>52.561579999999999</v>
      </c>
      <c r="BX33" s="17">
        <v>58.669829999999997</v>
      </c>
      <c r="BY33" s="17">
        <v>65.330399999999997</v>
      </c>
      <c r="BZ33" s="17">
        <v>66.647499999999994</v>
      </c>
      <c r="CA33" s="17">
        <v>73.04965</v>
      </c>
      <c r="CB33" s="17">
        <v>75.92295</v>
      </c>
      <c r="CC33" s="17">
        <v>79.638549999999995</v>
      </c>
      <c r="CD33" s="17">
        <v>82.822090000000003</v>
      </c>
      <c r="CE33" s="17">
        <v>85.191209999999998</v>
      </c>
      <c r="CF33" s="17">
        <v>86.769480000000001</v>
      </c>
      <c r="CG33" s="17">
        <v>89.38776</v>
      </c>
      <c r="CH33" s="17">
        <v>89.356110000000001</v>
      </c>
      <c r="CI33" s="17">
        <v>92.610060000000004</v>
      </c>
      <c r="CJ33" s="17">
        <v>91.760300000000001</v>
      </c>
      <c r="CK33" s="17">
        <v>94.822890000000001</v>
      </c>
      <c r="CL33" s="17">
        <v>96.402879999999996</v>
      </c>
      <c r="CM33" s="17">
        <v>96.25</v>
      </c>
      <c r="CN33" s="17">
        <v>96.052629999999994</v>
      </c>
      <c r="CO33" s="17">
        <v>98.4</v>
      </c>
      <c r="CP33" s="17">
        <v>1.7064999999999999</v>
      </c>
      <c r="CQ33" s="17">
        <v>40.293939999999999</v>
      </c>
      <c r="CR33" s="17">
        <v>58.507219999999997</v>
      </c>
      <c r="CS33" s="17">
        <v>81.723249999999993</v>
      </c>
      <c r="CT33" s="17">
        <v>3.0783499999999999</v>
      </c>
    </row>
    <row r="34" spans="1:98" x14ac:dyDescent="0.15">
      <c r="A34" s="18" t="s">
        <v>196</v>
      </c>
      <c r="B34" s="18" t="s">
        <v>208</v>
      </c>
      <c r="C34" s="18" t="s">
        <v>153</v>
      </c>
      <c r="D34" s="18" t="s">
        <v>8</v>
      </c>
      <c r="E34" s="18" t="s">
        <v>4</v>
      </c>
      <c r="F34" s="18" t="s">
        <v>154</v>
      </c>
      <c r="G34" s="17">
        <v>6.4120499999999998</v>
      </c>
      <c r="H34" s="17">
        <v>0</v>
      </c>
      <c r="I34" s="17">
        <v>0</v>
      </c>
      <c r="J34" s="17">
        <v>0</v>
      </c>
      <c r="K34" s="17">
        <v>0</v>
      </c>
      <c r="L34" s="17">
        <v>0.1113</v>
      </c>
      <c r="M34" s="17">
        <v>0.22497</v>
      </c>
      <c r="N34" s="17">
        <v>0.10823000000000001</v>
      </c>
      <c r="O34" s="17">
        <v>0.39932000000000001</v>
      </c>
      <c r="P34" s="17">
        <v>0.65476000000000001</v>
      </c>
      <c r="Q34" s="17">
        <v>0.69686000000000003</v>
      </c>
      <c r="R34" s="17">
        <v>1.15195</v>
      </c>
      <c r="S34" s="17">
        <v>1.91194</v>
      </c>
      <c r="T34" s="17">
        <v>2.0653999999999999</v>
      </c>
      <c r="U34" s="17">
        <v>2.1015799999999998</v>
      </c>
      <c r="V34" s="17">
        <v>2.0600399999999999</v>
      </c>
      <c r="W34" s="17">
        <v>3.0881500000000002</v>
      </c>
      <c r="X34" s="17">
        <v>3.9523600000000001</v>
      </c>
      <c r="Y34" s="17">
        <v>3.4653499999999999</v>
      </c>
      <c r="Z34" s="17">
        <v>4.1836700000000002</v>
      </c>
      <c r="AA34" s="17">
        <v>4.4607799999999997</v>
      </c>
      <c r="AB34" s="17">
        <v>5.19177</v>
      </c>
      <c r="AC34" s="17">
        <v>5.9349999999999996</v>
      </c>
      <c r="AD34" s="17">
        <v>6.3727799999999997</v>
      </c>
      <c r="AE34" s="17">
        <v>5.6731199999999999</v>
      </c>
      <c r="AF34" s="17">
        <v>6.3791599999999997</v>
      </c>
      <c r="AG34" s="17">
        <v>6.5058199999999999</v>
      </c>
      <c r="AH34" s="17">
        <v>6.9607400000000004</v>
      </c>
      <c r="AI34" s="17">
        <v>7.9119999999999999</v>
      </c>
      <c r="AJ34" s="17">
        <v>7.9985400000000002</v>
      </c>
      <c r="AK34" s="17">
        <v>7.9985799999999996</v>
      </c>
      <c r="AL34" s="17">
        <v>8.3281200000000002</v>
      </c>
      <c r="AM34" s="17">
        <v>9.2749199999999998</v>
      </c>
      <c r="AN34" s="17">
        <v>10.050700000000001</v>
      </c>
      <c r="AO34" s="17">
        <v>10.28519</v>
      </c>
      <c r="AP34" s="17">
        <v>10.659409999999999</v>
      </c>
      <c r="AQ34" s="17">
        <v>11.2461</v>
      </c>
      <c r="AR34" s="17">
        <v>10.63147</v>
      </c>
      <c r="AS34" s="17">
        <v>11.248670000000001</v>
      </c>
      <c r="AT34" s="17">
        <v>10.76201</v>
      </c>
      <c r="AU34" s="17">
        <v>11.20889</v>
      </c>
      <c r="AV34" s="17">
        <v>11.307550000000001</v>
      </c>
      <c r="AW34" s="17">
        <v>11.68675</v>
      </c>
      <c r="AX34" s="17">
        <v>10.59761</v>
      </c>
      <c r="AY34" s="17">
        <v>10.136620000000001</v>
      </c>
      <c r="AZ34" s="17">
        <v>11.14274</v>
      </c>
      <c r="BA34" s="17">
        <v>10.62682</v>
      </c>
      <c r="BB34" s="17">
        <v>9.8400999999999996</v>
      </c>
      <c r="BC34" s="17">
        <v>9.1177700000000002</v>
      </c>
      <c r="BD34" s="17">
        <v>8.5424900000000008</v>
      </c>
      <c r="BE34" s="17">
        <v>8.1148600000000002</v>
      </c>
      <c r="BF34" s="17">
        <v>9.0093499999999995</v>
      </c>
      <c r="BG34" s="17">
        <v>8.7436000000000007</v>
      </c>
      <c r="BH34" s="17">
        <v>7.6546700000000003</v>
      </c>
      <c r="BI34" s="17">
        <v>8.1669</v>
      </c>
      <c r="BJ34" s="17">
        <v>8.85609</v>
      </c>
      <c r="BK34" s="17">
        <v>7.9107500000000002</v>
      </c>
      <c r="BL34" s="17">
        <v>7.8706199999999997</v>
      </c>
      <c r="BM34" s="17">
        <v>8.3160600000000002</v>
      </c>
      <c r="BN34" s="17">
        <v>7.1272700000000002</v>
      </c>
      <c r="BO34" s="17">
        <v>7.1867599999999996</v>
      </c>
      <c r="BP34" s="17">
        <v>6.3377299999999996</v>
      </c>
      <c r="BQ34" s="17">
        <v>6.5750700000000002</v>
      </c>
      <c r="BR34" s="17">
        <v>5.4151600000000002</v>
      </c>
      <c r="BS34" s="17">
        <v>5.4134799999999998</v>
      </c>
      <c r="BT34" s="17">
        <v>5.2749699999999997</v>
      </c>
      <c r="BU34" s="17">
        <v>4.4623900000000001</v>
      </c>
      <c r="BV34" s="17">
        <v>5.6447399999999996</v>
      </c>
      <c r="BW34" s="17">
        <v>3.6945800000000002</v>
      </c>
      <c r="BX34" s="17">
        <v>3.1829000000000001</v>
      </c>
      <c r="BY34" s="17">
        <v>3.7444899999999999</v>
      </c>
      <c r="BZ34" s="17">
        <v>4.1403100000000004</v>
      </c>
      <c r="CA34" s="17">
        <v>3.3278799999999999</v>
      </c>
      <c r="CB34" s="17">
        <v>2.9427500000000002</v>
      </c>
      <c r="CC34" s="17">
        <v>2.22892</v>
      </c>
      <c r="CD34" s="17">
        <v>2.3858199999999998</v>
      </c>
      <c r="CE34" s="17">
        <v>1.7900700000000001</v>
      </c>
      <c r="CF34" s="17">
        <v>2.1103900000000002</v>
      </c>
      <c r="CG34" s="17">
        <v>2.65306</v>
      </c>
      <c r="CH34" s="17">
        <v>1.31406</v>
      </c>
      <c r="CI34" s="17">
        <v>2.0440299999999998</v>
      </c>
      <c r="CJ34" s="17">
        <v>2.6217199999999998</v>
      </c>
      <c r="CK34" s="17">
        <v>1.6348800000000001</v>
      </c>
      <c r="CL34" s="17">
        <v>0.71941999999999995</v>
      </c>
      <c r="CM34" s="17">
        <v>1.6666700000000001</v>
      </c>
      <c r="CN34" s="17">
        <v>0.65788999999999997</v>
      </c>
      <c r="CO34" s="17">
        <v>1.2</v>
      </c>
      <c r="CP34" s="17">
        <v>6.7697700000000003</v>
      </c>
      <c r="CQ34" s="17">
        <v>5.8378800000000002</v>
      </c>
      <c r="CR34" s="17">
        <v>4.1027699999999996</v>
      </c>
      <c r="CS34" s="17">
        <v>2.5415399999999999</v>
      </c>
      <c r="CT34" s="17">
        <v>7.48672</v>
      </c>
    </row>
  </sheetData>
  <phoneticPr fontId="3"/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E40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AG14" sqref="AG14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31" width="12.625" style="11" customWidth="1"/>
    <col min="32" max="16384" width="9" style="11"/>
  </cols>
  <sheetData>
    <row r="1" spans="1:31" x14ac:dyDescent="0.15">
      <c r="A1" s="11" t="s">
        <v>310</v>
      </c>
    </row>
    <row r="2" spans="1:31" x14ac:dyDescent="0.15">
      <c r="A2" s="11" t="s">
        <v>329</v>
      </c>
    </row>
    <row r="3" spans="1:31" x14ac:dyDescent="0.15">
      <c r="A3" s="11" t="s">
        <v>211</v>
      </c>
    </row>
    <row r="4" spans="1:31" hidden="1" x14ac:dyDescent="0.15">
      <c r="A4" s="11" t="s">
        <v>211</v>
      </c>
    </row>
    <row r="5" spans="1:31" collapsed="1" x14ac:dyDescent="0.15">
      <c r="A5" s="11" t="s">
        <v>211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121</v>
      </c>
    </row>
    <row r="6" spans="1:31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/>
    </row>
    <row r="7" spans="1:31" x14ac:dyDescent="0.15">
      <c r="A7" s="11" t="s">
        <v>211</v>
      </c>
      <c r="G7" s="12" t="s">
        <v>187</v>
      </c>
      <c r="H7" s="12" t="s">
        <v>187</v>
      </c>
      <c r="I7" s="12" t="s">
        <v>316</v>
      </c>
      <c r="J7" s="12" t="s">
        <v>316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312</v>
      </c>
      <c r="T7" s="12" t="s">
        <v>312</v>
      </c>
      <c r="U7" s="12" t="s">
        <v>312</v>
      </c>
      <c r="V7" s="12" t="s">
        <v>312</v>
      </c>
      <c r="W7" s="12" t="s">
        <v>317</v>
      </c>
      <c r="X7" s="12" t="s">
        <v>187</v>
      </c>
      <c r="Y7" s="12" t="s">
        <v>312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/>
    </row>
    <row r="8" spans="1:31" ht="24" x14ac:dyDescent="0.15">
      <c r="A8" s="11" t="s">
        <v>211</v>
      </c>
      <c r="G8" s="12" t="s">
        <v>151</v>
      </c>
      <c r="H8" s="12" t="s">
        <v>180</v>
      </c>
      <c r="I8" s="12" t="s">
        <v>179</v>
      </c>
      <c r="J8" s="12" t="s">
        <v>178</v>
      </c>
      <c r="K8" s="12" t="s">
        <v>177</v>
      </c>
      <c r="L8" s="12" t="s">
        <v>176</v>
      </c>
      <c r="M8" s="12" t="s">
        <v>175</v>
      </c>
      <c r="N8" s="12" t="s">
        <v>174</v>
      </c>
      <c r="O8" s="12" t="s">
        <v>173</v>
      </c>
      <c r="P8" s="12" t="s">
        <v>172</v>
      </c>
      <c r="Q8" s="12" t="s">
        <v>171</v>
      </c>
      <c r="R8" s="12" t="s">
        <v>170</v>
      </c>
      <c r="S8" s="12" t="s">
        <v>169</v>
      </c>
      <c r="T8" s="12" t="s">
        <v>168</v>
      </c>
      <c r="U8" s="12" t="s">
        <v>167</v>
      </c>
      <c r="V8" s="12" t="s">
        <v>166</v>
      </c>
      <c r="W8" s="12" t="s">
        <v>165</v>
      </c>
      <c r="X8" s="12" t="s">
        <v>164</v>
      </c>
      <c r="Y8" s="12" t="s">
        <v>163</v>
      </c>
      <c r="Z8" s="12" t="s">
        <v>162</v>
      </c>
      <c r="AA8" s="12" t="s">
        <v>161</v>
      </c>
      <c r="AB8" s="12" t="s">
        <v>160</v>
      </c>
      <c r="AC8" s="12" t="s">
        <v>159</v>
      </c>
      <c r="AD8" s="12" t="s">
        <v>122</v>
      </c>
      <c r="AE8" s="12"/>
    </row>
    <row r="9" spans="1:31" x14ac:dyDescent="0.15">
      <c r="A9" s="11" t="s">
        <v>211</v>
      </c>
      <c r="G9" s="13" t="s">
        <v>318</v>
      </c>
      <c r="H9" s="13" t="s">
        <v>188</v>
      </c>
      <c r="I9" s="13" t="s">
        <v>188</v>
      </c>
      <c r="J9" s="13" t="s">
        <v>188</v>
      </c>
      <c r="K9" s="13" t="s">
        <v>188</v>
      </c>
      <c r="L9" s="13" t="s">
        <v>188</v>
      </c>
      <c r="M9" s="13" t="s">
        <v>188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188</v>
      </c>
      <c r="T9" s="13" t="s">
        <v>188</v>
      </c>
      <c r="U9" s="13" t="s">
        <v>319</v>
      </c>
      <c r="V9" s="13" t="s">
        <v>188</v>
      </c>
      <c r="W9" s="13" t="s">
        <v>319</v>
      </c>
      <c r="X9" s="13" t="s">
        <v>319</v>
      </c>
      <c r="Y9" s="13" t="s">
        <v>319</v>
      </c>
      <c r="Z9" s="13" t="s">
        <v>318</v>
      </c>
      <c r="AA9" s="13" t="s">
        <v>188</v>
      </c>
      <c r="AB9" s="13" t="s">
        <v>319</v>
      </c>
      <c r="AC9" s="13" t="s">
        <v>188</v>
      </c>
      <c r="AD9" s="13" t="s">
        <v>319</v>
      </c>
      <c r="AE9" s="13" t="s">
        <v>320</v>
      </c>
    </row>
    <row r="10" spans="1:31" ht="13.5" x14ac:dyDescent="0.15">
      <c r="A10" s="14" t="s">
        <v>321</v>
      </c>
      <c r="B10" s="14" t="s">
        <v>207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</row>
    <row r="11" spans="1:31" x14ac:dyDescent="0.15">
      <c r="A11" s="18" t="s">
        <v>196</v>
      </c>
      <c r="B11" s="18" t="s">
        <v>208</v>
      </c>
      <c r="C11" s="18" t="s">
        <v>153</v>
      </c>
      <c r="D11" s="18" t="s">
        <v>9</v>
      </c>
      <c r="E11" s="18" t="s">
        <v>3</v>
      </c>
      <c r="F11" s="18" t="s">
        <v>3</v>
      </c>
      <c r="G11" s="16">
        <v>365460</v>
      </c>
      <c r="H11" s="16">
        <v>19394</v>
      </c>
      <c r="I11" s="16">
        <v>20542</v>
      </c>
      <c r="J11" s="16">
        <v>19581</v>
      </c>
      <c r="K11" s="16">
        <v>20774</v>
      </c>
      <c r="L11" s="16">
        <v>23179</v>
      </c>
      <c r="M11" s="16">
        <v>27509</v>
      </c>
      <c r="N11" s="16">
        <v>33816</v>
      </c>
      <c r="O11" s="16">
        <v>28052</v>
      </c>
      <c r="P11" s="16">
        <v>25035</v>
      </c>
      <c r="Q11" s="16">
        <v>23566</v>
      </c>
      <c r="R11" s="16">
        <v>26833</v>
      </c>
      <c r="S11" s="16">
        <v>32582</v>
      </c>
      <c r="T11" s="16">
        <v>24795</v>
      </c>
      <c r="U11" s="16">
        <v>18116</v>
      </c>
      <c r="V11" s="16">
        <v>12926</v>
      </c>
      <c r="W11" s="16">
        <v>6580</v>
      </c>
      <c r="X11" s="16">
        <v>1888</v>
      </c>
      <c r="Y11" s="16">
        <v>292</v>
      </c>
      <c r="Z11" s="16">
        <v>241448</v>
      </c>
      <c r="AA11" s="16">
        <v>124012</v>
      </c>
      <c r="AB11" s="16">
        <v>64597</v>
      </c>
      <c r="AC11" s="16">
        <v>21686</v>
      </c>
      <c r="AD11" s="16">
        <v>248887</v>
      </c>
      <c r="AE11" s="17">
        <v>53.566650000000003</v>
      </c>
    </row>
    <row r="12" spans="1:31" x14ac:dyDescent="0.15">
      <c r="A12" s="18" t="s">
        <v>196</v>
      </c>
      <c r="B12" s="18" t="s">
        <v>208</v>
      </c>
      <c r="C12" s="18" t="s">
        <v>153</v>
      </c>
      <c r="D12" s="18" t="s">
        <v>9</v>
      </c>
      <c r="E12" s="18" t="s">
        <v>3</v>
      </c>
      <c r="F12" s="18" t="s">
        <v>157</v>
      </c>
      <c r="G12" s="16">
        <v>98440</v>
      </c>
      <c r="H12" s="16">
        <v>19348</v>
      </c>
      <c r="I12" s="16">
        <v>19460</v>
      </c>
      <c r="J12" s="16">
        <v>13127</v>
      </c>
      <c r="K12" s="16">
        <v>8615</v>
      </c>
      <c r="L12" s="16">
        <v>6863</v>
      </c>
      <c r="M12" s="16">
        <v>6824</v>
      </c>
      <c r="N12" s="16">
        <v>7401</v>
      </c>
      <c r="O12" s="16">
        <v>5394</v>
      </c>
      <c r="P12" s="16">
        <v>3546</v>
      </c>
      <c r="Q12" s="16">
        <v>2447</v>
      </c>
      <c r="R12" s="16">
        <v>2059</v>
      </c>
      <c r="S12" s="16">
        <v>1768</v>
      </c>
      <c r="T12" s="16">
        <v>787</v>
      </c>
      <c r="U12" s="16">
        <v>391</v>
      </c>
      <c r="V12" s="16">
        <v>257</v>
      </c>
      <c r="W12" s="16">
        <v>129</v>
      </c>
      <c r="X12" s="16">
        <v>24</v>
      </c>
      <c r="Y12" s="16" t="s">
        <v>304</v>
      </c>
      <c r="Z12" s="16">
        <v>93025</v>
      </c>
      <c r="AA12" s="16">
        <v>5415</v>
      </c>
      <c r="AB12" s="16">
        <v>1588</v>
      </c>
      <c r="AC12" s="16">
        <v>410</v>
      </c>
      <c r="AD12" s="16">
        <v>75736</v>
      </c>
      <c r="AE12" s="17">
        <v>33.977989999999998</v>
      </c>
    </row>
    <row r="13" spans="1:31" x14ac:dyDescent="0.15">
      <c r="A13" s="18" t="s">
        <v>196</v>
      </c>
      <c r="B13" s="18" t="s">
        <v>208</v>
      </c>
      <c r="C13" s="18" t="s">
        <v>153</v>
      </c>
      <c r="D13" s="18" t="s">
        <v>9</v>
      </c>
      <c r="E13" s="18" t="s">
        <v>3</v>
      </c>
      <c r="F13" s="18" t="s">
        <v>156</v>
      </c>
      <c r="G13" s="16">
        <v>210732</v>
      </c>
      <c r="H13" s="16">
        <v>42</v>
      </c>
      <c r="I13" s="16">
        <v>1027</v>
      </c>
      <c r="J13" s="16">
        <v>6200</v>
      </c>
      <c r="K13" s="16">
        <v>11561</v>
      </c>
      <c r="L13" s="16">
        <v>15245</v>
      </c>
      <c r="M13" s="16">
        <v>18985</v>
      </c>
      <c r="N13" s="16">
        <v>23606</v>
      </c>
      <c r="O13" s="16">
        <v>19638</v>
      </c>
      <c r="P13" s="16">
        <v>18467</v>
      </c>
      <c r="Q13" s="16">
        <v>17990</v>
      </c>
      <c r="R13" s="16">
        <v>20519</v>
      </c>
      <c r="S13" s="16">
        <v>23996</v>
      </c>
      <c r="T13" s="16">
        <v>16822</v>
      </c>
      <c r="U13" s="16">
        <v>10180</v>
      </c>
      <c r="V13" s="16">
        <v>4858</v>
      </c>
      <c r="W13" s="16">
        <v>1419</v>
      </c>
      <c r="X13" s="16">
        <v>168</v>
      </c>
      <c r="Y13" s="16">
        <v>9</v>
      </c>
      <c r="Z13" s="16">
        <v>132761</v>
      </c>
      <c r="AA13" s="16">
        <v>77971</v>
      </c>
      <c r="AB13" s="16">
        <v>33456</v>
      </c>
      <c r="AC13" s="16">
        <v>6454</v>
      </c>
      <c r="AD13" s="16">
        <v>153238</v>
      </c>
      <c r="AE13" s="17">
        <v>57.539259999999999</v>
      </c>
    </row>
    <row r="14" spans="1:31" x14ac:dyDescent="0.15">
      <c r="A14" s="18" t="s">
        <v>196</v>
      </c>
      <c r="B14" s="18" t="s">
        <v>208</v>
      </c>
      <c r="C14" s="18" t="s">
        <v>153</v>
      </c>
      <c r="D14" s="18" t="s">
        <v>9</v>
      </c>
      <c r="E14" s="18" t="s">
        <v>3</v>
      </c>
      <c r="F14" s="18" t="s">
        <v>155</v>
      </c>
      <c r="G14" s="16">
        <v>36328</v>
      </c>
      <c r="H14" s="16" t="s">
        <v>304</v>
      </c>
      <c r="I14" s="16">
        <v>4</v>
      </c>
      <c r="J14" s="16">
        <v>6</v>
      </c>
      <c r="K14" s="16">
        <v>17</v>
      </c>
      <c r="L14" s="16">
        <v>36</v>
      </c>
      <c r="M14" s="16">
        <v>75</v>
      </c>
      <c r="N14" s="16">
        <v>220</v>
      </c>
      <c r="O14" s="16">
        <v>393</v>
      </c>
      <c r="P14" s="16">
        <v>667</v>
      </c>
      <c r="Q14" s="16">
        <v>1104</v>
      </c>
      <c r="R14" s="16">
        <v>2192</v>
      </c>
      <c r="S14" s="16">
        <v>4482</v>
      </c>
      <c r="T14" s="16">
        <v>5900</v>
      </c>
      <c r="U14" s="16">
        <v>6880</v>
      </c>
      <c r="V14" s="16">
        <v>7489</v>
      </c>
      <c r="W14" s="16">
        <v>4914</v>
      </c>
      <c r="X14" s="16">
        <v>1669</v>
      </c>
      <c r="Y14" s="16">
        <v>280</v>
      </c>
      <c r="Z14" s="16">
        <v>2522</v>
      </c>
      <c r="AA14" s="16">
        <v>33806</v>
      </c>
      <c r="AB14" s="16">
        <v>27132</v>
      </c>
      <c r="AC14" s="16">
        <v>14352</v>
      </c>
      <c r="AD14" s="16">
        <v>4714</v>
      </c>
      <c r="AE14" s="17">
        <v>81.040329999999997</v>
      </c>
    </row>
    <row r="15" spans="1:31" x14ac:dyDescent="0.15">
      <c r="A15" s="18" t="s">
        <v>196</v>
      </c>
      <c r="B15" s="18" t="s">
        <v>208</v>
      </c>
      <c r="C15" s="18" t="s">
        <v>153</v>
      </c>
      <c r="D15" s="18" t="s">
        <v>9</v>
      </c>
      <c r="E15" s="18" t="s">
        <v>3</v>
      </c>
      <c r="F15" s="18" t="s">
        <v>154</v>
      </c>
      <c r="G15" s="16">
        <v>19960</v>
      </c>
      <c r="H15" s="16">
        <v>4</v>
      </c>
      <c r="I15" s="16">
        <v>51</v>
      </c>
      <c r="J15" s="16">
        <v>248</v>
      </c>
      <c r="K15" s="16">
        <v>581</v>
      </c>
      <c r="L15" s="16">
        <v>1035</v>
      </c>
      <c r="M15" s="16">
        <v>1625</v>
      </c>
      <c r="N15" s="16">
        <v>2589</v>
      </c>
      <c r="O15" s="16">
        <v>2627</v>
      </c>
      <c r="P15" s="16">
        <v>2355</v>
      </c>
      <c r="Q15" s="16">
        <v>2025</v>
      </c>
      <c r="R15" s="16">
        <v>2063</v>
      </c>
      <c r="S15" s="16">
        <v>2336</v>
      </c>
      <c r="T15" s="16">
        <v>1286</v>
      </c>
      <c r="U15" s="16">
        <v>665</v>
      </c>
      <c r="V15" s="16">
        <v>322</v>
      </c>
      <c r="W15" s="16">
        <v>118</v>
      </c>
      <c r="X15" s="16">
        <v>27</v>
      </c>
      <c r="Y15" s="16">
        <v>3</v>
      </c>
      <c r="Z15" s="16">
        <v>13140</v>
      </c>
      <c r="AA15" s="16">
        <v>6820</v>
      </c>
      <c r="AB15" s="16">
        <v>2421</v>
      </c>
      <c r="AC15" s="16">
        <v>470</v>
      </c>
      <c r="AD15" s="16">
        <v>15199</v>
      </c>
      <c r="AE15" s="17">
        <v>58.230409999999999</v>
      </c>
    </row>
    <row r="16" spans="1:31" x14ac:dyDescent="0.15">
      <c r="A16" s="18" t="s">
        <v>196</v>
      </c>
      <c r="B16" s="18" t="s">
        <v>208</v>
      </c>
      <c r="C16" s="18" t="s">
        <v>153</v>
      </c>
      <c r="D16" s="18" t="s">
        <v>9</v>
      </c>
      <c r="E16" s="18" t="s">
        <v>5</v>
      </c>
      <c r="F16" s="18" t="s">
        <v>3</v>
      </c>
      <c r="G16" s="16">
        <v>177445</v>
      </c>
      <c r="H16" s="16">
        <v>10223</v>
      </c>
      <c r="I16" s="16">
        <v>11194</v>
      </c>
      <c r="J16" s="16">
        <v>10388</v>
      </c>
      <c r="K16" s="16">
        <v>10919</v>
      </c>
      <c r="L16" s="16">
        <v>11991</v>
      </c>
      <c r="M16" s="16">
        <v>14245</v>
      </c>
      <c r="N16" s="16">
        <v>17213</v>
      </c>
      <c r="O16" s="16">
        <v>14317</v>
      </c>
      <c r="P16" s="16">
        <v>12428</v>
      </c>
      <c r="Q16" s="16">
        <v>11578</v>
      </c>
      <c r="R16" s="16">
        <v>12921</v>
      </c>
      <c r="S16" s="16">
        <v>15281</v>
      </c>
      <c r="T16" s="16">
        <v>10909</v>
      </c>
      <c r="U16" s="16">
        <v>7405</v>
      </c>
      <c r="V16" s="16">
        <v>4337</v>
      </c>
      <c r="W16" s="16">
        <v>1738</v>
      </c>
      <c r="X16" s="16">
        <v>316</v>
      </c>
      <c r="Y16" s="16">
        <v>42</v>
      </c>
      <c r="Z16" s="16">
        <v>124496</v>
      </c>
      <c r="AA16" s="16">
        <v>52949</v>
      </c>
      <c r="AB16" s="16">
        <v>24747</v>
      </c>
      <c r="AC16" s="16">
        <v>6433</v>
      </c>
      <c r="AD16" s="16">
        <v>127194</v>
      </c>
      <c r="AE16" s="17">
        <v>51.50329</v>
      </c>
    </row>
    <row r="17" spans="1:31" x14ac:dyDescent="0.15">
      <c r="A17" s="18" t="s">
        <v>196</v>
      </c>
      <c r="B17" s="18" t="s">
        <v>208</v>
      </c>
      <c r="C17" s="18" t="s">
        <v>153</v>
      </c>
      <c r="D17" s="18" t="s">
        <v>9</v>
      </c>
      <c r="E17" s="18" t="s">
        <v>5</v>
      </c>
      <c r="F17" s="18" t="s">
        <v>157</v>
      </c>
      <c r="G17" s="16">
        <v>58292</v>
      </c>
      <c r="H17" s="16">
        <v>10200</v>
      </c>
      <c r="I17" s="16">
        <v>10780</v>
      </c>
      <c r="J17" s="16">
        <v>7621</v>
      </c>
      <c r="K17" s="16">
        <v>5362</v>
      </c>
      <c r="L17" s="16">
        <v>4392</v>
      </c>
      <c r="M17" s="16">
        <v>4405</v>
      </c>
      <c r="N17" s="16">
        <v>4736</v>
      </c>
      <c r="O17" s="16">
        <v>3544</v>
      </c>
      <c r="P17" s="16">
        <v>2365</v>
      </c>
      <c r="Q17" s="16">
        <v>1700</v>
      </c>
      <c r="R17" s="16">
        <v>1502</v>
      </c>
      <c r="S17" s="16">
        <v>1112</v>
      </c>
      <c r="T17" s="16">
        <v>377</v>
      </c>
      <c r="U17" s="16">
        <v>116</v>
      </c>
      <c r="V17" s="16">
        <v>65</v>
      </c>
      <c r="W17" s="16">
        <v>12</v>
      </c>
      <c r="X17" s="16">
        <v>3</v>
      </c>
      <c r="Y17" s="16" t="s">
        <v>304</v>
      </c>
      <c r="Z17" s="16">
        <v>55105</v>
      </c>
      <c r="AA17" s="16">
        <v>3187</v>
      </c>
      <c r="AB17" s="16">
        <v>573</v>
      </c>
      <c r="AC17" s="16">
        <v>80</v>
      </c>
      <c r="AD17" s="16">
        <v>46407</v>
      </c>
      <c r="AE17" s="17">
        <v>34.881219999999999</v>
      </c>
    </row>
    <row r="18" spans="1:31" x14ac:dyDescent="0.15">
      <c r="A18" s="18" t="s">
        <v>196</v>
      </c>
      <c r="B18" s="18" t="s">
        <v>208</v>
      </c>
      <c r="C18" s="18" t="s">
        <v>153</v>
      </c>
      <c r="D18" s="18" t="s">
        <v>9</v>
      </c>
      <c r="E18" s="18" t="s">
        <v>5</v>
      </c>
      <c r="F18" s="18" t="s">
        <v>156</v>
      </c>
      <c r="G18" s="16">
        <v>105560</v>
      </c>
      <c r="H18" s="16">
        <v>21</v>
      </c>
      <c r="I18" s="16">
        <v>398</v>
      </c>
      <c r="J18" s="16">
        <v>2685</v>
      </c>
      <c r="K18" s="16">
        <v>5355</v>
      </c>
      <c r="L18" s="16">
        <v>7224</v>
      </c>
      <c r="M18" s="16">
        <v>9204</v>
      </c>
      <c r="N18" s="16">
        <v>11461</v>
      </c>
      <c r="O18" s="16">
        <v>9586</v>
      </c>
      <c r="P18" s="16">
        <v>8967</v>
      </c>
      <c r="Q18" s="16">
        <v>8735</v>
      </c>
      <c r="R18" s="16">
        <v>10056</v>
      </c>
      <c r="S18" s="16">
        <v>12292</v>
      </c>
      <c r="T18" s="16">
        <v>9121</v>
      </c>
      <c r="U18" s="16">
        <v>6073</v>
      </c>
      <c r="V18" s="16">
        <v>3190</v>
      </c>
      <c r="W18" s="16">
        <v>1056</v>
      </c>
      <c r="X18" s="16">
        <v>128</v>
      </c>
      <c r="Y18" s="16">
        <v>8</v>
      </c>
      <c r="Z18" s="16">
        <v>63636</v>
      </c>
      <c r="AA18" s="16">
        <v>41924</v>
      </c>
      <c r="AB18" s="16">
        <v>19576</v>
      </c>
      <c r="AC18" s="16">
        <v>4382</v>
      </c>
      <c r="AD18" s="16">
        <v>73671</v>
      </c>
      <c r="AE18" s="17">
        <v>58.682259999999999</v>
      </c>
    </row>
    <row r="19" spans="1:31" x14ac:dyDescent="0.15">
      <c r="A19" s="18" t="s">
        <v>196</v>
      </c>
      <c r="B19" s="18" t="s">
        <v>208</v>
      </c>
      <c r="C19" s="18" t="s">
        <v>153</v>
      </c>
      <c r="D19" s="18" t="s">
        <v>9</v>
      </c>
      <c r="E19" s="18" t="s">
        <v>5</v>
      </c>
      <c r="F19" s="18" t="s">
        <v>155</v>
      </c>
      <c r="G19" s="16">
        <v>5707</v>
      </c>
      <c r="H19" s="16" t="s">
        <v>304</v>
      </c>
      <c r="I19" s="16">
        <v>2</v>
      </c>
      <c r="J19" s="16" t="s">
        <v>304</v>
      </c>
      <c r="K19" s="16">
        <v>4</v>
      </c>
      <c r="L19" s="16">
        <v>7</v>
      </c>
      <c r="M19" s="16">
        <v>13</v>
      </c>
      <c r="N19" s="16">
        <v>49</v>
      </c>
      <c r="O19" s="16">
        <v>87</v>
      </c>
      <c r="P19" s="16">
        <v>132</v>
      </c>
      <c r="Q19" s="16">
        <v>235</v>
      </c>
      <c r="R19" s="16">
        <v>477</v>
      </c>
      <c r="S19" s="16">
        <v>888</v>
      </c>
      <c r="T19" s="16">
        <v>932</v>
      </c>
      <c r="U19" s="16">
        <v>993</v>
      </c>
      <c r="V19" s="16">
        <v>1020</v>
      </c>
      <c r="W19" s="16">
        <v>649</v>
      </c>
      <c r="X19" s="16">
        <v>185</v>
      </c>
      <c r="Y19" s="16">
        <v>34</v>
      </c>
      <c r="Z19" s="16">
        <v>529</v>
      </c>
      <c r="AA19" s="16">
        <v>5178</v>
      </c>
      <c r="AB19" s="16">
        <v>3813</v>
      </c>
      <c r="AC19" s="16">
        <v>1888</v>
      </c>
      <c r="AD19" s="16">
        <v>1006</v>
      </c>
      <c r="AE19" s="17">
        <v>79.156739999999999</v>
      </c>
    </row>
    <row r="20" spans="1:31" x14ac:dyDescent="0.15">
      <c r="A20" s="18" t="s">
        <v>196</v>
      </c>
      <c r="B20" s="18" t="s">
        <v>208</v>
      </c>
      <c r="C20" s="18" t="s">
        <v>153</v>
      </c>
      <c r="D20" s="18" t="s">
        <v>9</v>
      </c>
      <c r="E20" s="18" t="s">
        <v>5</v>
      </c>
      <c r="F20" s="18" t="s">
        <v>154</v>
      </c>
      <c r="G20" s="16">
        <v>7886</v>
      </c>
      <c r="H20" s="16">
        <v>2</v>
      </c>
      <c r="I20" s="16">
        <v>14</v>
      </c>
      <c r="J20" s="16">
        <v>82</v>
      </c>
      <c r="K20" s="16">
        <v>198</v>
      </c>
      <c r="L20" s="16">
        <v>368</v>
      </c>
      <c r="M20" s="16">
        <v>623</v>
      </c>
      <c r="N20" s="16">
        <v>967</v>
      </c>
      <c r="O20" s="16">
        <v>1100</v>
      </c>
      <c r="P20" s="16">
        <v>964</v>
      </c>
      <c r="Q20" s="16">
        <v>908</v>
      </c>
      <c r="R20" s="16">
        <v>886</v>
      </c>
      <c r="S20" s="16">
        <v>989</v>
      </c>
      <c r="T20" s="16">
        <v>479</v>
      </c>
      <c r="U20" s="16">
        <v>223</v>
      </c>
      <c r="V20" s="16">
        <v>62</v>
      </c>
      <c r="W20" s="16">
        <v>21</v>
      </c>
      <c r="X20" s="16" t="s">
        <v>304</v>
      </c>
      <c r="Y20" s="16" t="s">
        <v>304</v>
      </c>
      <c r="Z20" s="16">
        <v>5226</v>
      </c>
      <c r="AA20" s="16">
        <v>2660</v>
      </c>
      <c r="AB20" s="16">
        <v>785</v>
      </c>
      <c r="AC20" s="16">
        <v>83</v>
      </c>
      <c r="AD20" s="16">
        <v>6110</v>
      </c>
      <c r="AE20" s="17">
        <v>58.262619999999998</v>
      </c>
    </row>
    <row r="21" spans="1:31" x14ac:dyDescent="0.15">
      <c r="A21" s="18" t="s">
        <v>196</v>
      </c>
      <c r="B21" s="18" t="s">
        <v>208</v>
      </c>
      <c r="C21" s="18" t="s">
        <v>153</v>
      </c>
      <c r="D21" s="18" t="s">
        <v>9</v>
      </c>
      <c r="E21" s="18" t="s">
        <v>4</v>
      </c>
      <c r="F21" s="18" t="s">
        <v>3</v>
      </c>
      <c r="G21" s="16">
        <v>188015</v>
      </c>
      <c r="H21" s="16">
        <v>9171</v>
      </c>
      <c r="I21" s="16">
        <v>9348</v>
      </c>
      <c r="J21" s="16">
        <v>9193</v>
      </c>
      <c r="K21" s="16">
        <v>9855</v>
      </c>
      <c r="L21" s="16">
        <v>11188</v>
      </c>
      <c r="M21" s="16">
        <v>13264</v>
      </c>
      <c r="N21" s="16">
        <v>16603</v>
      </c>
      <c r="O21" s="16">
        <v>13735</v>
      </c>
      <c r="P21" s="16">
        <v>12607</v>
      </c>
      <c r="Q21" s="16">
        <v>11988</v>
      </c>
      <c r="R21" s="16">
        <v>13912</v>
      </c>
      <c r="S21" s="16">
        <v>17301</v>
      </c>
      <c r="T21" s="16">
        <v>13886</v>
      </c>
      <c r="U21" s="16">
        <v>10711</v>
      </c>
      <c r="V21" s="16">
        <v>8589</v>
      </c>
      <c r="W21" s="16">
        <v>4842</v>
      </c>
      <c r="X21" s="16">
        <v>1572</v>
      </c>
      <c r="Y21" s="16">
        <v>250</v>
      </c>
      <c r="Z21" s="16">
        <v>116952</v>
      </c>
      <c r="AA21" s="16">
        <v>71063</v>
      </c>
      <c r="AB21" s="16">
        <v>39850</v>
      </c>
      <c r="AC21" s="16">
        <v>15253</v>
      </c>
      <c r="AD21" s="16">
        <v>121693</v>
      </c>
      <c r="AE21" s="17">
        <v>55.514009999999999</v>
      </c>
    </row>
    <row r="22" spans="1:31" x14ac:dyDescent="0.15">
      <c r="A22" s="18" t="s">
        <v>196</v>
      </c>
      <c r="B22" s="18" t="s">
        <v>208</v>
      </c>
      <c r="C22" s="18" t="s">
        <v>153</v>
      </c>
      <c r="D22" s="18" t="s">
        <v>9</v>
      </c>
      <c r="E22" s="18" t="s">
        <v>4</v>
      </c>
      <c r="F22" s="18" t="s">
        <v>157</v>
      </c>
      <c r="G22" s="16">
        <v>40148</v>
      </c>
      <c r="H22" s="16">
        <v>9148</v>
      </c>
      <c r="I22" s="16">
        <v>8680</v>
      </c>
      <c r="J22" s="16">
        <v>5506</v>
      </c>
      <c r="K22" s="16">
        <v>3253</v>
      </c>
      <c r="L22" s="16">
        <v>2471</v>
      </c>
      <c r="M22" s="16">
        <v>2419</v>
      </c>
      <c r="N22" s="16">
        <v>2665</v>
      </c>
      <c r="O22" s="16">
        <v>1850</v>
      </c>
      <c r="P22" s="16">
        <v>1181</v>
      </c>
      <c r="Q22" s="16">
        <v>747</v>
      </c>
      <c r="R22" s="16">
        <v>557</v>
      </c>
      <c r="S22" s="16">
        <v>656</v>
      </c>
      <c r="T22" s="16">
        <v>410</v>
      </c>
      <c r="U22" s="16">
        <v>275</v>
      </c>
      <c r="V22" s="16">
        <v>192</v>
      </c>
      <c r="W22" s="16">
        <v>117</v>
      </c>
      <c r="X22" s="16">
        <v>21</v>
      </c>
      <c r="Y22" s="16" t="s">
        <v>304</v>
      </c>
      <c r="Z22" s="16">
        <v>37920</v>
      </c>
      <c r="AA22" s="16">
        <v>2228</v>
      </c>
      <c r="AB22" s="16">
        <v>1015</v>
      </c>
      <c r="AC22" s="16">
        <v>330</v>
      </c>
      <c r="AD22" s="16">
        <v>29329</v>
      </c>
      <c r="AE22" s="17">
        <v>32.666559999999997</v>
      </c>
    </row>
    <row r="23" spans="1:31" x14ac:dyDescent="0.15">
      <c r="A23" s="18" t="s">
        <v>196</v>
      </c>
      <c r="B23" s="18" t="s">
        <v>208</v>
      </c>
      <c r="C23" s="18" t="s">
        <v>153</v>
      </c>
      <c r="D23" s="18" t="s">
        <v>9</v>
      </c>
      <c r="E23" s="18" t="s">
        <v>4</v>
      </c>
      <c r="F23" s="18" t="s">
        <v>156</v>
      </c>
      <c r="G23" s="16">
        <v>105172</v>
      </c>
      <c r="H23" s="16">
        <v>21</v>
      </c>
      <c r="I23" s="16">
        <v>629</v>
      </c>
      <c r="J23" s="16">
        <v>3515</v>
      </c>
      <c r="K23" s="16">
        <v>6206</v>
      </c>
      <c r="L23" s="16">
        <v>8021</v>
      </c>
      <c r="M23" s="16">
        <v>9781</v>
      </c>
      <c r="N23" s="16">
        <v>12145</v>
      </c>
      <c r="O23" s="16">
        <v>10052</v>
      </c>
      <c r="P23" s="16">
        <v>9500</v>
      </c>
      <c r="Q23" s="16">
        <v>9255</v>
      </c>
      <c r="R23" s="16">
        <v>10463</v>
      </c>
      <c r="S23" s="16">
        <v>11704</v>
      </c>
      <c r="T23" s="16">
        <v>7701</v>
      </c>
      <c r="U23" s="16">
        <v>4107</v>
      </c>
      <c r="V23" s="16">
        <v>1668</v>
      </c>
      <c r="W23" s="16">
        <v>363</v>
      </c>
      <c r="X23" s="16">
        <v>40</v>
      </c>
      <c r="Y23" s="16">
        <v>1</v>
      </c>
      <c r="Z23" s="16">
        <v>69125</v>
      </c>
      <c r="AA23" s="16">
        <v>36047</v>
      </c>
      <c r="AB23" s="16">
        <v>13880</v>
      </c>
      <c r="AC23" s="16">
        <v>2072</v>
      </c>
      <c r="AD23" s="16">
        <v>79567</v>
      </c>
      <c r="AE23" s="17">
        <v>56.392040000000001</v>
      </c>
    </row>
    <row r="24" spans="1:31" x14ac:dyDescent="0.15">
      <c r="A24" s="18" t="s">
        <v>196</v>
      </c>
      <c r="B24" s="18" t="s">
        <v>208</v>
      </c>
      <c r="C24" s="18" t="s">
        <v>153</v>
      </c>
      <c r="D24" s="18" t="s">
        <v>9</v>
      </c>
      <c r="E24" s="18" t="s">
        <v>4</v>
      </c>
      <c r="F24" s="18" t="s">
        <v>155</v>
      </c>
      <c r="G24" s="16">
        <v>30621</v>
      </c>
      <c r="H24" s="16" t="s">
        <v>304</v>
      </c>
      <c r="I24" s="16">
        <v>2</v>
      </c>
      <c r="J24" s="16">
        <v>6</v>
      </c>
      <c r="K24" s="16">
        <v>13</v>
      </c>
      <c r="L24" s="16">
        <v>29</v>
      </c>
      <c r="M24" s="16">
        <v>62</v>
      </c>
      <c r="N24" s="16">
        <v>171</v>
      </c>
      <c r="O24" s="16">
        <v>306</v>
      </c>
      <c r="P24" s="16">
        <v>535</v>
      </c>
      <c r="Q24" s="16">
        <v>869</v>
      </c>
      <c r="R24" s="16">
        <v>1715</v>
      </c>
      <c r="S24" s="16">
        <v>3594</v>
      </c>
      <c r="T24" s="16">
        <v>4968</v>
      </c>
      <c r="U24" s="16">
        <v>5887</v>
      </c>
      <c r="V24" s="16">
        <v>6469</v>
      </c>
      <c r="W24" s="16">
        <v>4265</v>
      </c>
      <c r="X24" s="16">
        <v>1484</v>
      </c>
      <c r="Y24" s="16">
        <v>246</v>
      </c>
      <c r="Z24" s="16">
        <v>1993</v>
      </c>
      <c r="AA24" s="16">
        <v>28628</v>
      </c>
      <c r="AB24" s="16">
        <v>23319</v>
      </c>
      <c r="AC24" s="16">
        <v>12464</v>
      </c>
      <c r="AD24" s="16">
        <v>3708</v>
      </c>
      <c r="AE24" s="17">
        <v>81.391379999999998</v>
      </c>
    </row>
    <row r="25" spans="1:31" x14ac:dyDescent="0.15">
      <c r="A25" s="18" t="s">
        <v>196</v>
      </c>
      <c r="B25" s="18" t="s">
        <v>208</v>
      </c>
      <c r="C25" s="18" t="s">
        <v>153</v>
      </c>
      <c r="D25" s="18" t="s">
        <v>9</v>
      </c>
      <c r="E25" s="18" t="s">
        <v>4</v>
      </c>
      <c r="F25" s="18" t="s">
        <v>154</v>
      </c>
      <c r="G25" s="16">
        <v>12074</v>
      </c>
      <c r="H25" s="16">
        <v>2</v>
      </c>
      <c r="I25" s="16">
        <v>37</v>
      </c>
      <c r="J25" s="16">
        <v>166</v>
      </c>
      <c r="K25" s="16">
        <v>383</v>
      </c>
      <c r="L25" s="16">
        <v>667</v>
      </c>
      <c r="M25" s="16">
        <v>1002</v>
      </c>
      <c r="N25" s="16">
        <v>1622</v>
      </c>
      <c r="O25" s="16">
        <v>1527</v>
      </c>
      <c r="P25" s="16">
        <v>1391</v>
      </c>
      <c r="Q25" s="16">
        <v>1117</v>
      </c>
      <c r="R25" s="16">
        <v>1177</v>
      </c>
      <c r="S25" s="16">
        <v>1347</v>
      </c>
      <c r="T25" s="16">
        <v>807</v>
      </c>
      <c r="U25" s="16">
        <v>442</v>
      </c>
      <c r="V25" s="16">
        <v>260</v>
      </c>
      <c r="W25" s="16">
        <v>97</v>
      </c>
      <c r="X25" s="16">
        <v>27</v>
      </c>
      <c r="Y25" s="16">
        <v>3</v>
      </c>
      <c r="Z25" s="16">
        <v>7914</v>
      </c>
      <c r="AA25" s="16">
        <v>4160</v>
      </c>
      <c r="AB25" s="16">
        <v>1636</v>
      </c>
      <c r="AC25" s="16">
        <v>387</v>
      </c>
      <c r="AD25" s="16">
        <v>9089</v>
      </c>
      <c r="AE25" s="17">
        <v>58.209380000000003</v>
      </c>
    </row>
    <row r="26" spans="1:31" x14ac:dyDescent="0.15">
      <c r="A26" s="18" t="s">
        <v>196</v>
      </c>
      <c r="B26" s="18" t="s">
        <v>208</v>
      </c>
      <c r="C26" s="18" t="s">
        <v>153</v>
      </c>
      <c r="D26" s="18" t="s">
        <v>8</v>
      </c>
      <c r="E26" s="18" t="s">
        <v>3</v>
      </c>
      <c r="F26" s="18" t="s">
        <v>3</v>
      </c>
      <c r="G26" s="16">
        <v>359008</v>
      </c>
      <c r="H26" s="16">
        <v>19215</v>
      </c>
      <c r="I26" s="16">
        <v>19283</v>
      </c>
      <c r="J26" s="16">
        <v>18331</v>
      </c>
      <c r="K26" s="16">
        <v>19825</v>
      </c>
      <c r="L26" s="16">
        <v>22464</v>
      </c>
      <c r="M26" s="16">
        <v>26999</v>
      </c>
      <c r="N26" s="16">
        <v>33344</v>
      </c>
      <c r="O26" s="16">
        <v>27638</v>
      </c>
      <c r="P26" s="16">
        <v>24772</v>
      </c>
      <c r="Q26" s="16">
        <v>23415</v>
      </c>
      <c r="R26" s="16">
        <v>26729</v>
      </c>
      <c r="S26" s="16">
        <v>32502</v>
      </c>
      <c r="T26" s="16">
        <v>24756</v>
      </c>
      <c r="U26" s="16">
        <v>18082</v>
      </c>
      <c r="V26" s="16">
        <v>12901</v>
      </c>
      <c r="W26" s="16">
        <v>6573</v>
      </c>
      <c r="X26" s="16">
        <v>1887</v>
      </c>
      <c r="Y26" s="16">
        <v>292</v>
      </c>
      <c r="Z26" s="16">
        <v>235286</v>
      </c>
      <c r="AA26" s="16">
        <v>123722</v>
      </c>
      <c r="AB26" s="16">
        <v>64491</v>
      </c>
      <c r="AC26" s="16">
        <v>21653</v>
      </c>
      <c r="AD26" s="16">
        <v>242800</v>
      </c>
      <c r="AE26" s="17">
        <v>53.874420000000001</v>
      </c>
    </row>
    <row r="27" spans="1:31" x14ac:dyDescent="0.15">
      <c r="A27" s="18" t="s">
        <v>196</v>
      </c>
      <c r="B27" s="18" t="s">
        <v>208</v>
      </c>
      <c r="C27" s="18" t="s">
        <v>153</v>
      </c>
      <c r="D27" s="18" t="s">
        <v>8</v>
      </c>
      <c r="E27" s="18" t="s">
        <v>3</v>
      </c>
      <c r="F27" s="18" t="s">
        <v>157</v>
      </c>
      <c r="G27" s="16">
        <v>95572</v>
      </c>
      <c r="H27" s="16">
        <v>19172</v>
      </c>
      <c r="I27" s="16">
        <v>18286</v>
      </c>
      <c r="J27" s="16">
        <v>12234</v>
      </c>
      <c r="K27" s="16">
        <v>8319</v>
      </c>
      <c r="L27" s="16">
        <v>6741</v>
      </c>
      <c r="M27" s="16">
        <v>6768</v>
      </c>
      <c r="N27" s="16">
        <v>7356</v>
      </c>
      <c r="O27" s="16">
        <v>5357</v>
      </c>
      <c r="P27" s="16">
        <v>3522</v>
      </c>
      <c r="Q27" s="16">
        <v>2432</v>
      </c>
      <c r="R27" s="16">
        <v>2042</v>
      </c>
      <c r="S27" s="16">
        <v>1758</v>
      </c>
      <c r="T27" s="16">
        <v>786</v>
      </c>
      <c r="U27" s="16">
        <v>390</v>
      </c>
      <c r="V27" s="16">
        <v>257</v>
      </c>
      <c r="W27" s="16">
        <v>128</v>
      </c>
      <c r="X27" s="16">
        <v>24</v>
      </c>
      <c r="Y27" s="16" t="s">
        <v>304</v>
      </c>
      <c r="Z27" s="16">
        <v>90187</v>
      </c>
      <c r="AA27" s="16">
        <v>5385</v>
      </c>
      <c r="AB27" s="16">
        <v>1585</v>
      </c>
      <c r="AC27" s="16">
        <v>409</v>
      </c>
      <c r="AD27" s="16">
        <v>73057</v>
      </c>
      <c r="AE27" s="17">
        <v>34.173920000000003</v>
      </c>
    </row>
    <row r="28" spans="1:31" x14ac:dyDescent="0.15">
      <c r="A28" s="18" t="s">
        <v>196</v>
      </c>
      <c r="B28" s="18" t="s">
        <v>208</v>
      </c>
      <c r="C28" s="18" t="s">
        <v>153</v>
      </c>
      <c r="D28" s="18" t="s">
        <v>8</v>
      </c>
      <c r="E28" s="18" t="s">
        <v>3</v>
      </c>
      <c r="F28" s="18" t="s">
        <v>156</v>
      </c>
      <c r="G28" s="16">
        <v>207571</v>
      </c>
      <c r="H28" s="16">
        <v>39</v>
      </c>
      <c r="I28" s="16">
        <v>943</v>
      </c>
      <c r="J28" s="16">
        <v>5854</v>
      </c>
      <c r="K28" s="16">
        <v>10938</v>
      </c>
      <c r="L28" s="16">
        <v>14688</v>
      </c>
      <c r="M28" s="16">
        <v>18572</v>
      </c>
      <c r="N28" s="16">
        <v>23239</v>
      </c>
      <c r="O28" s="16">
        <v>19331</v>
      </c>
      <c r="P28" s="16">
        <v>18268</v>
      </c>
      <c r="Q28" s="16">
        <v>17885</v>
      </c>
      <c r="R28" s="16">
        <v>20448</v>
      </c>
      <c r="S28" s="16">
        <v>23957</v>
      </c>
      <c r="T28" s="16">
        <v>16798</v>
      </c>
      <c r="U28" s="16">
        <v>10167</v>
      </c>
      <c r="V28" s="16">
        <v>4850</v>
      </c>
      <c r="W28" s="16">
        <v>1417</v>
      </c>
      <c r="X28" s="16">
        <v>168</v>
      </c>
      <c r="Y28" s="16">
        <v>9</v>
      </c>
      <c r="Z28" s="16">
        <v>129757</v>
      </c>
      <c r="AA28" s="16">
        <v>77814</v>
      </c>
      <c r="AB28" s="16">
        <v>33409</v>
      </c>
      <c r="AC28" s="16">
        <v>6444</v>
      </c>
      <c r="AD28" s="16">
        <v>150166</v>
      </c>
      <c r="AE28" s="17">
        <v>57.77346</v>
      </c>
    </row>
    <row r="29" spans="1:31" x14ac:dyDescent="0.15">
      <c r="A29" s="18" t="s">
        <v>196</v>
      </c>
      <c r="B29" s="18" t="s">
        <v>208</v>
      </c>
      <c r="C29" s="18" t="s">
        <v>153</v>
      </c>
      <c r="D29" s="18" t="s">
        <v>8</v>
      </c>
      <c r="E29" s="18" t="s">
        <v>3</v>
      </c>
      <c r="F29" s="18" t="s">
        <v>155</v>
      </c>
      <c r="G29" s="16">
        <v>36206</v>
      </c>
      <c r="H29" s="16" t="s">
        <v>304</v>
      </c>
      <c r="I29" s="16">
        <v>4</v>
      </c>
      <c r="J29" s="16">
        <v>5</v>
      </c>
      <c r="K29" s="16">
        <v>16</v>
      </c>
      <c r="L29" s="16">
        <v>34</v>
      </c>
      <c r="M29" s="16">
        <v>71</v>
      </c>
      <c r="N29" s="16">
        <v>210</v>
      </c>
      <c r="O29" s="16">
        <v>380</v>
      </c>
      <c r="P29" s="16">
        <v>654</v>
      </c>
      <c r="Q29" s="16">
        <v>1094</v>
      </c>
      <c r="R29" s="16">
        <v>2183</v>
      </c>
      <c r="S29" s="16">
        <v>4471</v>
      </c>
      <c r="T29" s="16">
        <v>5890</v>
      </c>
      <c r="U29" s="16">
        <v>6863</v>
      </c>
      <c r="V29" s="16">
        <v>7473</v>
      </c>
      <c r="W29" s="16">
        <v>4910</v>
      </c>
      <c r="X29" s="16">
        <v>1668</v>
      </c>
      <c r="Y29" s="16">
        <v>280</v>
      </c>
      <c r="Z29" s="16">
        <v>2468</v>
      </c>
      <c r="AA29" s="16">
        <v>33738</v>
      </c>
      <c r="AB29" s="16">
        <v>27084</v>
      </c>
      <c r="AC29" s="16">
        <v>14331</v>
      </c>
      <c r="AD29" s="16">
        <v>4651</v>
      </c>
      <c r="AE29" s="17">
        <v>81.084540000000004</v>
      </c>
    </row>
    <row r="30" spans="1:31" x14ac:dyDescent="0.15">
      <c r="A30" s="18" t="s">
        <v>196</v>
      </c>
      <c r="B30" s="18" t="s">
        <v>208</v>
      </c>
      <c r="C30" s="18" t="s">
        <v>153</v>
      </c>
      <c r="D30" s="18" t="s">
        <v>8</v>
      </c>
      <c r="E30" s="18" t="s">
        <v>3</v>
      </c>
      <c r="F30" s="18" t="s">
        <v>154</v>
      </c>
      <c r="G30" s="16">
        <v>19659</v>
      </c>
      <c r="H30" s="16">
        <v>4</v>
      </c>
      <c r="I30" s="16">
        <v>50</v>
      </c>
      <c r="J30" s="16">
        <v>238</v>
      </c>
      <c r="K30" s="16">
        <v>552</v>
      </c>
      <c r="L30" s="16">
        <v>1001</v>
      </c>
      <c r="M30" s="16">
        <v>1588</v>
      </c>
      <c r="N30" s="16">
        <v>2539</v>
      </c>
      <c r="O30" s="16">
        <v>2570</v>
      </c>
      <c r="P30" s="16">
        <v>2328</v>
      </c>
      <c r="Q30" s="16">
        <v>2004</v>
      </c>
      <c r="R30" s="16">
        <v>2056</v>
      </c>
      <c r="S30" s="16">
        <v>2316</v>
      </c>
      <c r="T30" s="16">
        <v>1282</v>
      </c>
      <c r="U30" s="16">
        <v>662</v>
      </c>
      <c r="V30" s="16">
        <v>321</v>
      </c>
      <c r="W30" s="16">
        <v>118</v>
      </c>
      <c r="X30" s="16">
        <v>27</v>
      </c>
      <c r="Y30" s="16">
        <v>3</v>
      </c>
      <c r="Z30" s="16">
        <v>12874</v>
      </c>
      <c r="AA30" s="16">
        <v>6785</v>
      </c>
      <c r="AB30" s="16">
        <v>2413</v>
      </c>
      <c r="AC30" s="16">
        <v>469</v>
      </c>
      <c r="AD30" s="16">
        <v>14926</v>
      </c>
      <c r="AE30" s="17">
        <v>58.36683</v>
      </c>
    </row>
    <row r="31" spans="1:31" x14ac:dyDescent="0.15">
      <c r="A31" s="18" t="s">
        <v>196</v>
      </c>
      <c r="B31" s="18" t="s">
        <v>208</v>
      </c>
      <c r="C31" s="18" t="s">
        <v>153</v>
      </c>
      <c r="D31" s="18" t="s">
        <v>8</v>
      </c>
      <c r="E31" s="18" t="s">
        <v>5</v>
      </c>
      <c r="F31" s="18" t="s">
        <v>3</v>
      </c>
      <c r="G31" s="16">
        <v>174309</v>
      </c>
      <c r="H31" s="16">
        <v>10125</v>
      </c>
      <c r="I31" s="16">
        <v>10502</v>
      </c>
      <c r="J31" s="16">
        <v>9627</v>
      </c>
      <c r="K31" s="16">
        <v>10379</v>
      </c>
      <c r="L31" s="16">
        <v>11669</v>
      </c>
      <c r="M31" s="16">
        <v>14065</v>
      </c>
      <c r="N31" s="16">
        <v>17067</v>
      </c>
      <c r="O31" s="16">
        <v>14199</v>
      </c>
      <c r="P31" s="16">
        <v>12329</v>
      </c>
      <c r="Q31" s="16">
        <v>11524</v>
      </c>
      <c r="R31" s="16">
        <v>12869</v>
      </c>
      <c r="S31" s="16">
        <v>15241</v>
      </c>
      <c r="T31" s="16">
        <v>10894</v>
      </c>
      <c r="U31" s="16">
        <v>7393</v>
      </c>
      <c r="V31" s="16">
        <v>4333</v>
      </c>
      <c r="W31" s="16">
        <v>1735</v>
      </c>
      <c r="X31" s="16">
        <v>316</v>
      </c>
      <c r="Y31" s="16">
        <v>42</v>
      </c>
      <c r="Z31" s="16">
        <v>121486</v>
      </c>
      <c r="AA31" s="16">
        <v>52823</v>
      </c>
      <c r="AB31" s="16">
        <v>24713</v>
      </c>
      <c r="AC31" s="16">
        <v>6426</v>
      </c>
      <c r="AD31" s="16">
        <v>124230</v>
      </c>
      <c r="AE31" s="17">
        <v>51.817369999999997</v>
      </c>
    </row>
    <row r="32" spans="1:31" x14ac:dyDescent="0.15">
      <c r="A32" s="18" t="s">
        <v>196</v>
      </c>
      <c r="B32" s="18" t="s">
        <v>208</v>
      </c>
      <c r="C32" s="18" t="s">
        <v>153</v>
      </c>
      <c r="D32" s="18" t="s">
        <v>8</v>
      </c>
      <c r="E32" s="18" t="s">
        <v>5</v>
      </c>
      <c r="F32" s="18" t="s">
        <v>157</v>
      </c>
      <c r="G32" s="16">
        <v>56634</v>
      </c>
      <c r="H32" s="16">
        <v>10105</v>
      </c>
      <c r="I32" s="16">
        <v>10128</v>
      </c>
      <c r="J32" s="16">
        <v>7042</v>
      </c>
      <c r="K32" s="16">
        <v>5185</v>
      </c>
      <c r="L32" s="16">
        <v>4337</v>
      </c>
      <c r="M32" s="16">
        <v>4377</v>
      </c>
      <c r="N32" s="16">
        <v>4721</v>
      </c>
      <c r="O32" s="16">
        <v>3525</v>
      </c>
      <c r="P32" s="16">
        <v>2352</v>
      </c>
      <c r="Q32" s="16">
        <v>1694</v>
      </c>
      <c r="R32" s="16">
        <v>1490</v>
      </c>
      <c r="S32" s="16">
        <v>1107</v>
      </c>
      <c r="T32" s="16">
        <v>377</v>
      </c>
      <c r="U32" s="16">
        <v>115</v>
      </c>
      <c r="V32" s="16">
        <v>65</v>
      </c>
      <c r="W32" s="16">
        <v>11</v>
      </c>
      <c r="X32" s="16">
        <v>3</v>
      </c>
      <c r="Y32" s="16" t="s">
        <v>304</v>
      </c>
      <c r="Z32" s="16">
        <v>53466</v>
      </c>
      <c r="AA32" s="16">
        <v>3168</v>
      </c>
      <c r="AB32" s="16">
        <v>571</v>
      </c>
      <c r="AC32" s="16">
        <v>79</v>
      </c>
      <c r="AD32" s="16">
        <v>44851</v>
      </c>
      <c r="AE32" s="17">
        <v>35.102640000000001</v>
      </c>
    </row>
    <row r="33" spans="1:31" x14ac:dyDescent="0.15">
      <c r="A33" s="18" t="s">
        <v>196</v>
      </c>
      <c r="B33" s="18" t="s">
        <v>208</v>
      </c>
      <c r="C33" s="18" t="s">
        <v>153</v>
      </c>
      <c r="D33" s="18" t="s">
        <v>8</v>
      </c>
      <c r="E33" s="18" t="s">
        <v>5</v>
      </c>
      <c r="F33" s="18" t="s">
        <v>156</v>
      </c>
      <c r="G33" s="16">
        <v>104163</v>
      </c>
      <c r="H33" s="16">
        <v>18</v>
      </c>
      <c r="I33" s="16">
        <v>358</v>
      </c>
      <c r="J33" s="16">
        <v>2508</v>
      </c>
      <c r="K33" s="16">
        <v>5002</v>
      </c>
      <c r="L33" s="16">
        <v>6962</v>
      </c>
      <c r="M33" s="16">
        <v>9059</v>
      </c>
      <c r="N33" s="16">
        <v>11342</v>
      </c>
      <c r="O33" s="16">
        <v>9497</v>
      </c>
      <c r="P33" s="16">
        <v>8886</v>
      </c>
      <c r="Q33" s="16">
        <v>8692</v>
      </c>
      <c r="R33" s="16">
        <v>10023</v>
      </c>
      <c r="S33" s="16">
        <v>12266</v>
      </c>
      <c r="T33" s="16">
        <v>9108</v>
      </c>
      <c r="U33" s="16">
        <v>6064</v>
      </c>
      <c r="V33" s="16">
        <v>3188</v>
      </c>
      <c r="W33" s="16">
        <v>1054</v>
      </c>
      <c r="X33" s="16">
        <v>128</v>
      </c>
      <c r="Y33" s="16">
        <v>8</v>
      </c>
      <c r="Z33" s="16">
        <v>62324</v>
      </c>
      <c r="AA33" s="16">
        <v>41839</v>
      </c>
      <c r="AB33" s="16">
        <v>19550</v>
      </c>
      <c r="AC33" s="16">
        <v>4378</v>
      </c>
      <c r="AD33" s="16">
        <v>72329</v>
      </c>
      <c r="AE33" s="17">
        <v>58.920160000000003</v>
      </c>
    </row>
    <row r="34" spans="1:31" x14ac:dyDescent="0.15">
      <c r="A34" s="18" t="s">
        <v>196</v>
      </c>
      <c r="B34" s="18" t="s">
        <v>208</v>
      </c>
      <c r="C34" s="18" t="s">
        <v>153</v>
      </c>
      <c r="D34" s="18" t="s">
        <v>8</v>
      </c>
      <c r="E34" s="18" t="s">
        <v>5</v>
      </c>
      <c r="F34" s="18" t="s">
        <v>155</v>
      </c>
      <c r="G34" s="16">
        <v>5696</v>
      </c>
      <c r="H34" s="16" t="s">
        <v>304</v>
      </c>
      <c r="I34" s="16">
        <v>2</v>
      </c>
      <c r="J34" s="16" t="s">
        <v>304</v>
      </c>
      <c r="K34" s="16">
        <v>4</v>
      </c>
      <c r="L34" s="16">
        <v>7</v>
      </c>
      <c r="M34" s="16">
        <v>13</v>
      </c>
      <c r="N34" s="16">
        <v>47</v>
      </c>
      <c r="O34" s="16">
        <v>87</v>
      </c>
      <c r="P34" s="16">
        <v>131</v>
      </c>
      <c r="Q34" s="16">
        <v>235</v>
      </c>
      <c r="R34" s="16">
        <v>475</v>
      </c>
      <c r="S34" s="16">
        <v>884</v>
      </c>
      <c r="T34" s="16">
        <v>931</v>
      </c>
      <c r="U34" s="16">
        <v>993</v>
      </c>
      <c r="V34" s="16">
        <v>1019</v>
      </c>
      <c r="W34" s="16">
        <v>649</v>
      </c>
      <c r="X34" s="16">
        <v>185</v>
      </c>
      <c r="Y34" s="16">
        <v>34</v>
      </c>
      <c r="Z34" s="16">
        <v>526</v>
      </c>
      <c r="AA34" s="16">
        <v>5170</v>
      </c>
      <c r="AB34" s="16">
        <v>3811</v>
      </c>
      <c r="AC34" s="16">
        <v>1887</v>
      </c>
      <c r="AD34" s="16">
        <v>1001</v>
      </c>
      <c r="AE34" s="17">
        <v>79.180130000000005</v>
      </c>
    </row>
    <row r="35" spans="1:31" x14ac:dyDescent="0.15">
      <c r="A35" s="18" t="s">
        <v>196</v>
      </c>
      <c r="B35" s="18" t="s">
        <v>208</v>
      </c>
      <c r="C35" s="18" t="s">
        <v>153</v>
      </c>
      <c r="D35" s="18" t="s">
        <v>8</v>
      </c>
      <c r="E35" s="18" t="s">
        <v>5</v>
      </c>
      <c r="F35" s="18" t="s">
        <v>154</v>
      </c>
      <c r="G35" s="16">
        <v>7816</v>
      </c>
      <c r="H35" s="16">
        <v>2</v>
      </c>
      <c r="I35" s="16">
        <v>14</v>
      </c>
      <c r="J35" s="16">
        <v>77</v>
      </c>
      <c r="K35" s="16">
        <v>188</v>
      </c>
      <c r="L35" s="16">
        <v>363</v>
      </c>
      <c r="M35" s="16">
        <v>616</v>
      </c>
      <c r="N35" s="16">
        <v>957</v>
      </c>
      <c r="O35" s="16">
        <v>1090</v>
      </c>
      <c r="P35" s="16">
        <v>960</v>
      </c>
      <c r="Q35" s="16">
        <v>903</v>
      </c>
      <c r="R35" s="16">
        <v>881</v>
      </c>
      <c r="S35" s="16">
        <v>984</v>
      </c>
      <c r="T35" s="16">
        <v>478</v>
      </c>
      <c r="U35" s="16">
        <v>221</v>
      </c>
      <c r="V35" s="16">
        <v>61</v>
      </c>
      <c r="W35" s="16">
        <v>21</v>
      </c>
      <c r="X35" s="16" t="s">
        <v>304</v>
      </c>
      <c r="Y35" s="16" t="s">
        <v>304</v>
      </c>
      <c r="Z35" s="16">
        <v>5170</v>
      </c>
      <c r="AA35" s="16">
        <v>2646</v>
      </c>
      <c r="AB35" s="16">
        <v>781</v>
      </c>
      <c r="AC35" s="16">
        <v>82</v>
      </c>
      <c r="AD35" s="16">
        <v>6049</v>
      </c>
      <c r="AE35" s="17">
        <v>58.331760000000003</v>
      </c>
    </row>
    <row r="36" spans="1:31" x14ac:dyDescent="0.15">
      <c r="A36" s="18" t="s">
        <v>196</v>
      </c>
      <c r="B36" s="18" t="s">
        <v>208</v>
      </c>
      <c r="C36" s="18" t="s">
        <v>153</v>
      </c>
      <c r="D36" s="18" t="s">
        <v>8</v>
      </c>
      <c r="E36" s="18" t="s">
        <v>4</v>
      </c>
      <c r="F36" s="18" t="s">
        <v>3</v>
      </c>
      <c r="G36" s="16">
        <v>184699</v>
      </c>
      <c r="H36" s="16">
        <v>9090</v>
      </c>
      <c r="I36" s="16">
        <v>8781</v>
      </c>
      <c r="J36" s="16">
        <v>8704</v>
      </c>
      <c r="K36" s="16">
        <v>9446</v>
      </c>
      <c r="L36" s="16">
        <v>10795</v>
      </c>
      <c r="M36" s="16">
        <v>12934</v>
      </c>
      <c r="N36" s="16">
        <v>16277</v>
      </c>
      <c r="O36" s="16">
        <v>13439</v>
      </c>
      <c r="P36" s="16">
        <v>12443</v>
      </c>
      <c r="Q36" s="16">
        <v>11891</v>
      </c>
      <c r="R36" s="16">
        <v>13860</v>
      </c>
      <c r="S36" s="16">
        <v>17261</v>
      </c>
      <c r="T36" s="16">
        <v>13862</v>
      </c>
      <c r="U36" s="16">
        <v>10689</v>
      </c>
      <c r="V36" s="16">
        <v>8568</v>
      </c>
      <c r="W36" s="16">
        <v>4838</v>
      </c>
      <c r="X36" s="16">
        <v>1571</v>
      </c>
      <c r="Y36" s="16">
        <v>250</v>
      </c>
      <c r="Z36" s="16">
        <v>113800</v>
      </c>
      <c r="AA36" s="16">
        <v>70899</v>
      </c>
      <c r="AB36" s="16">
        <v>39778</v>
      </c>
      <c r="AC36" s="16">
        <v>15227</v>
      </c>
      <c r="AD36" s="16">
        <v>118570</v>
      </c>
      <c r="AE36" s="17">
        <v>55.815739999999998</v>
      </c>
    </row>
    <row r="37" spans="1:31" x14ac:dyDescent="0.15">
      <c r="A37" s="18" t="s">
        <v>196</v>
      </c>
      <c r="B37" s="18" t="s">
        <v>208</v>
      </c>
      <c r="C37" s="18" t="s">
        <v>153</v>
      </c>
      <c r="D37" s="18" t="s">
        <v>8</v>
      </c>
      <c r="E37" s="18" t="s">
        <v>4</v>
      </c>
      <c r="F37" s="18" t="s">
        <v>157</v>
      </c>
      <c r="G37" s="16">
        <v>38938</v>
      </c>
      <c r="H37" s="16">
        <v>9067</v>
      </c>
      <c r="I37" s="16">
        <v>8158</v>
      </c>
      <c r="J37" s="16">
        <v>5192</v>
      </c>
      <c r="K37" s="16">
        <v>3134</v>
      </c>
      <c r="L37" s="16">
        <v>2404</v>
      </c>
      <c r="M37" s="16">
        <v>2391</v>
      </c>
      <c r="N37" s="16">
        <v>2635</v>
      </c>
      <c r="O37" s="16">
        <v>1832</v>
      </c>
      <c r="P37" s="16">
        <v>1170</v>
      </c>
      <c r="Q37" s="16">
        <v>738</v>
      </c>
      <c r="R37" s="16">
        <v>552</v>
      </c>
      <c r="S37" s="16">
        <v>651</v>
      </c>
      <c r="T37" s="16">
        <v>409</v>
      </c>
      <c r="U37" s="16">
        <v>275</v>
      </c>
      <c r="V37" s="16">
        <v>192</v>
      </c>
      <c r="W37" s="16">
        <v>117</v>
      </c>
      <c r="X37" s="16">
        <v>21</v>
      </c>
      <c r="Y37" s="16" t="s">
        <v>304</v>
      </c>
      <c r="Z37" s="16">
        <v>36721</v>
      </c>
      <c r="AA37" s="16">
        <v>2217</v>
      </c>
      <c r="AB37" s="16">
        <v>1014</v>
      </c>
      <c r="AC37" s="16">
        <v>330</v>
      </c>
      <c r="AD37" s="16">
        <v>28206</v>
      </c>
      <c r="AE37" s="17">
        <v>32.823129999999999</v>
      </c>
    </row>
    <row r="38" spans="1:31" x14ac:dyDescent="0.15">
      <c r="A38" s="18" t="s">
        <v>196</v>
      </c>
      <c r="B38" s="18" t="s">
        <v>208</v>
      </c>
      <c r="C38" s="18" t="s">
        <v>153</v>
      </c>
      <c r="D38" s="18" t="s">
        <v>8</v>
      </c>
      <c r="E38" s="18" t="s">
        <v>4</v>
      </c>
      <c r="F38" s="18" t="s">
        <v>156</v>
      </c>
      <c r="G38" s="16">
        <v>103408</v>
      </c>
      <c r="H38" s="16">
        <v>21</v>
      </c>
      <c r="I38" s="16">
        <v>585</v>
      </c>
      <c r="J38" s="16">
        <v>3346</v>
      </c>
      <c r="K38" s="16">
        <v>5936</v>
      </c>
      <c r="L38" s="16">
        <v>7726</v>
      </c>
      <c r="M38" s="16">
        <v>9513</v>
      </c>
      <c r="N38" s="16">
        <v>11897</v>
      </c>
      <c r="O38" s="16">
        <v>9834</v>
      </c>
      <c r="P38" s="16">
        <v>9382</v>
      </c>
      <c r="Q38" s="16">
        <v>9193</v>
      </c>
      <c r="R38" s="16">
        <v>10425</v>
      </c>
      <c r="S38" s="16">
        <v>11691</v>
      </c>
      <c r="T38" s="16">
        <v>7690</v>
      </c>
      <c r="U38" s="16">
        <v>4103</v>
      </c>
      <c r="V38" s="16">
        <v>1662</v>
      </c>
      <c r="W38" s="16">
        <v>363</v>
      </c>
      <c r="X38" s="16">
        <v>40</v>
      </c>
      <c r="Y38" s="16">
        <v>1</v>
      </c>
      <c r="Z38" s="16">
        <v>67433</v>
      </c>
      <c r="AA38" s="16">
        <v>35975</v>
      </c>
      <c r="AB38" s="16">
        <v>13859</v>
      </c>
      <c r="AC38" s="16">
        <v>2066</v>
      </c>
      <c r="AD38" s="16">
        <v>77837</v>
      </c>
      <c r="AE38" s="17">
        <v>56.618400000000001</v>
      </c>
    </row>
    <row r="39" spans="1:31" x14ac:dyDescent="0.15">
      <c r="A39" s="18" t="s">
        <v>196</v>
      </c>
      <c r="B39" s="18" t="s">
        <v>208</v>
      </c>
      <c r="C39" s="18" t="s">
        <v>153</v>
      </c>
      <c r="D39" s="18" t="s">
        <v>8</v>
      </c>
      <c r="E39" s="18" t="s">
        <v>4</v>
      </c>
      <c r="F39" s="18" t="s">
        <v>155</v>
      </c>
      <c r="G39" s="16">
        <v>30510</v>
      </c>
      <c r="H39" s="16" t="s">
        <v>304</v>
      </c>
      <c r="I39" s="16">
        <v>2</v>
      </c>
      <c r="J39" s="16">
        <v>5</v>
      </c>
      <c r="K39" s="16">
        <v>12</v>
      </c>
      <c r="L39" s="16">
        <v>27</v>
      </c>
      <c r="M39" s="16">
        <v>58</v>
      </c>
      <c r="N39" s="16">
        <v>163</v>
      </c>
      <c r="O39" s="16">
        <v>293</v>
      </c>
      <c r="P39" s="16">
        <v>523</v>
      </c>
      <c r="Q39" s="16">
        <v>859</v>
      </c>
      <c r="R39" s="16">
        <v>1708</v>
      </c>
      <c r="S39" s="16">
        <v>3587</v>
      </c>
      <c r="T39" s="16">
        <v>4959</v>
      </c>
      <c r="U39" s="16">
        <v>5870</v>
      </c>
      <c r="V39" s="16">
        <v>6454</v>
      </c>
      <c r="W39" s="16">
        <v>4261</v>
      </c>
      <c r="X39" s="16">
        <v>1483</v>
      </c>
      <c r="Y39" s="16">
        <v>246</v>
      </c>
      <c r="Z39" s="16">
        <v>1942</v>
      </c>
      <c r="AA39" s="16">
        <v>28568</v>
      </c>
      <c r="AB39" s="16">
        <v>23273</v>
      </c>
      <c r="AC39" s="16">
        <v>12444</v>
      </c>
      <c r="AD39" s="16">
        <v>3650</v>
      </c>
      <c r="AE39" s="17">
        <v>81.440089999999998</v>
      </c>
    </row>
    <row r="40" spans="1:31" x14ac:dyDescent="0.15">
      <c r="A40" s="18" t="s">
        <v>196</v>
      </c>
      <c r="B40" s="18" t="s">
        <v>208</v>
      </c>
      <c r="C40" s="18" t="s">
        <v>153</v>
      </c>
      <c r="D40" s="18" t="s">
        <v>8</v>
      </c>
      <c r="E40" s="18" t="s">
        <v>4</v>
      </c>
      <c r="F40" s="18" t="s">
        <v>154</v>
      </c>
      <c r="G40" s="16">
        <v>11843</v>
      </c>
      <c r="H40" s="16">
        <v>2</v>
      </c>
      <c r="I40" s="16">
        <v>36</v>
      </c>
      <c r="J40" s="16">
        <v>161</v>
      </c>
      <c r="K40" s="16">
        <v>364</v>
      </c>
      <c r="L40" s="16">
        <v>638</v>
      </c>
      <c r="M40" s="16">
        <v>972</v>
      </c>
      <c r="N40" s="16">
        <v>1582</v>
      </c>
      <c r="O40" s="16">
        <v>1480</v>
      </c>
      <c r="P40" s="16">
        <v>1368</v>
      </c>
      <c r="Q40" s="16">
        <v>1101</v>
      </c>
      <c r="R40" s="16">
        <v>1175</v>
      </c>
      <c r="S40" s="16">
        <v>1332</v>
      </c>
      <c r="T40" s="16">
        <v>804</v>
      </c>
      <c r="U40" s="16">
        <v>441</v>
      </c>
      <c r="V40" s="16">
        <v>260</v>
      </c>
      <c r="W40" s="16">
        <v>97</v>
      </c>
      <c r="X40" s="16">
        <v>27</v>
      </c>
      <c r="Y40" s="16">
        <v>3</v>
      </c>
      <c r="Z40" s="16">
        <v>7704</v>
      </c>
      <c r="AA40" s="16">
        <v>4139</v>
      </c>
      <c r="AB40" s="16">
        <v>1632</v>
      </c>
      <c r="AC40" s="16">
        <v>387</v>
      </c>
      <c r="AD40" s="16">
        <v>8877</v>
      </c>
      <c r="AE40" s="17">
        <v>58.389980000000001</v>
      </c>
    </row>
  </sheetData>
  <phoneticPr fontId="3"/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D34"/>
  <sheetViews>
    <sheetView zoomScaleNormal="100" workbookViewId="0">
      <pane xSplit="6" ySplit="10" topLeftCell="G11" activePane="bottomRight" state="frozen"/>
      <selection pane="topRight" activeCell="G1" sqref="G1"/>
      <selection pane="bottomLeft" activeCell="A11" sqref="A11"/>
      <selection pane="bottomRight" activeCell="C34" sqref="C34"/>
    </sheetView>
  </sheetViews>
  <sheetFormatPr defaultRowHeight="12" x14ac:dyDescent="0.15"/>
  <cols>
    <col min="1" max="1" width="2.375" style="11" bestFit="1" customWidth="1"/>
    <col min="2" max="2" width="11.25" style="11" bestFit="1" customWidth="1"/>
    <col min="3" max="30" width="12.625" style="11" customWidth="1"/>
    <col min="31" max="16384" width="9" style="11"/>
  </cols>
  <sheetData>
    <row r="1" spans="1:30" x14ac:dyDescent="0.15">
      <c r="A1" s="11" t="s">
        <v>310</v>
      </c>
    </row>
    <row r="2" spans="1:30" x14ac:dyDescent="0.15">
      <c r="A2" s="11" t="s">
        <v>330</v>
      </c>
    </row>
    <row r="3" spans="1:30" x14ac:dyDescent="0.15">
      <c r="A3" s="11" t="s">
        <v>211</v>
      </c>
    </row>
    <row r="4" spans="1:30" hidden="1" x14ac:dyDescent="0.15">
      <c r="A4" s="11" t="s">
        <v>211</v>
      </c>
    </row>
    <row r="5" spans="1:30" ht="36" collapsed="1" x14ac:dyDescent="0.15">
      <c r="A5" s="11" t="s">
        <v>211</v>
      </c>
      <c r="G5" s="12" t="s">
        <v>311</v>
      </c>
      <c r="H5" s="12" t="s">
        <v>311</v>
      </c>
      <c r="I5" s="12" t="s">
        <v>311</v>
      </c>
      <c r="J5" s="12" t="s">
        <v>311</v>
      </c>
      <c r="K5" s="12" t="s">
        <v>311</v>
      </c>
      <c r="L5" s="12" t="s">
        <v>311</v>
      </c>
      <c r="M5" s="12" t="s">
        <v>311</v>
      </c>
      <c r="N5" s="12" t="s">
        <v>311</v>
      </c>
      <c r="O5" s="12" t="s">
        <v>311</v>
      </c>
      <c r="P5" s="12" t="s">
        <v>311</v>
      </c>
      <c r="Q5" s="12" t="s">
        <v>311</v>
      </c>
      <c r="R5" s="12" t="s">
        <v>311</v>
      </c>
      <c r="S5" s="12" t="s">
        <v>311</v>
      </c>
      <c r="T5" s="12" t="s">
        <v>311</v>
      </c>
      <c r="U5" s="12" t="s">
        <v>311</v>
      </c>
      <c r="V5" s="12" t="s">
        <v>311</v>
      </c>
      <c r="W5" s="12" t="s">
        <v>311</v>
      </c>
      <c r="X5" s="12" t="s">
        <v>311</v>
      </c>
      <c r="Y5" s="12" t="s">
        <v>311</v>
      </c>
      <c r="Z5" s="12" t="s">
        <v>311</v>
      </c>
      <c r="AA5" s="12" t="s">
        <v>311</v>
      </c>
      <c r="AB5" s="12" t="s">
        <v>311</v>
      </c>
      <c r="AC5" s="12" t="s">
        <v>311</v>
      </c>
      <c r="AD5" s="12" t="s">
        <v>311</v>
      </c>
    </row>
    <row r="6" spans="1:30" x14ac:dyDescent="0.15">
      <c r="A6" s="11" t="s">
        <v>211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</row>
    <row r="7" spans="1:30" x14ac:dyDescent="0.15">
      <c r="A7" s="11" t="s">
        <v>211</v>
      </c>
      <c r="G7" s="12" t="s">
        <v>187</v>
      </c>
      <c r="H7" s="12" t="s">
        <v>187</v>
      </c>
      <c r="I7" s="12" t="s">
        <v>187</v>
      </c>
      <c r="J7" s="12" t="s">
        <v>187</v>
      </c>
      <c r="K7" s="12" t="s">
        <v>187</v>
      </c>
      <c r="L7" s="12" t="s">
        <v>187</v>
      </c>
      <c r="M7" s="12" t="s">
        <v>187</v>
      </c>
      <c r="N7" s="12" t="s">
        <v>187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187</v>
      </c>
      <c r="W7" s="12" t="s">
        <v>187</v>
      </c>
      <c r="X7" s="12" t="s">
        <v>187</v>
      </c>
      <c r="Y7" s="12" t="s">
        <v>187</v>
      </c>
      <c r="Z7" s="12" t="s">
        <v>187</v>
      </c>
      <c r="AA7" s="12" t="s">
        <v>187</v>
      </c>
      <c r="AB7" s="12" t="s">
        <v>187</v>
      </c>
      <c r="AC7" s="12" t="s">
        <v>187</v>
      </c>
      <c r="AD7" s="12" t="s">
        <v>187</v>
      </c>
    </row>
    <row r="8" spans="1:30" ht="24" x14ac:dyDescent="0.15">
      <c r="A8" s="11" t="s">
        <v>211</v>
      </c>
      <c r="G8" s="12" t="s">
        <v>151</v>
      </c>
      <c r="H8" s="12" t="s">
        <v>180</v>
      </c>
      <c r="I8" s="12" t="s">
        <v>179</v>
      </c>
      <c r="J8" s="12" t="s">
        <v>178</v>
      </c>
      <c r="K8" s="12" t="s">
        <v>177</v>
      </c>
      <c r="L8" s="12" t="s">
        <v>176</v>
      </c>
      <c r="M8" s="12" t="s">
        <v>175</v>
      </c>
      <c r="N8" s="12" t="s">
        <v>174</v>
      </c>
      <c r="O8" s="12" t="s">
        <v>173</v>
      </c>
      <c r="P8" s="12" t="s">
        <v>172</v>
      </c>
      <c r="Q8" s="12" t="s">
        <v>171</v>
      </c>
      <c r="R8" s="12" t="s">
        <v>170</v>
      </c>
      <c r="S8" s="12" t="s">
        <v>169</v>
      </c>
      <c r="T8" s="12" t="s">
        <v>168</v>
      </c>
      <c r="U8" s="12" t="s">
        <v>167</v>
      </c>
      <c r="V8" s="12" t="s">
        <v>166</v>
      </c>
      <c r="W8" s="12" t="s">
        <v>165</v>
      </c>
      <c r="X8" s="12" t="s">
        <v>164</v>
      </c>
      <c r="Y8" s="12" t="s">
        <v>163</v>
      </c>
      <c r="Z8" s="12" t="s">
        <v>162</v>
      </c>
      <c r="AA8" s="12" t="s">
        <v>161</v>
      </c>
      <c r="AB8" s="12" t="s">
        <v>160</v>
      </c>
      <c r="AC8" s="12" t="s">
        <v>159</v>
      </c>
      <c r="AD8" s="12" t="s">
        <v>122</v>
      </c>
    </row>
    <row r="9" spans="1:30" x14ac:dyDescent="0.15">
      <c r="A9" s="11" t="s">
        <v>211</v>
      </c>
      <c r="G9" s="13" t="s">
        <v>205</v>
      </c>
      <c r="H9" s="13" t="s">
        <v>205</v>
      </c>
      <c r="I9" s="13" t="s">
        <v>205</v>
      </c>
      <c r="J9" s="13" t="s">
        <v>205</v>
      </c>
      <c r="K9" s="13" t="s">
        <v>205</v>
      </c>
      <c r="L9" s="13" t="s">
        <v>205</v>
      </c>
      <c r="M9" s="13" t="s">
        <v>205</v>
      </c>
      <c r="N9" s="13" t="s">
        <v>205</v>
      </c>
      <c r="O9" s="13" t="s">
        <v>205</v>
      </c>
      <c r="P9" s="13" t="s">
        <v>205</v>
      </c>
      <c r="Q9" s="13" t="s">
        <v>205</v>
      </c>
      <c r="R9" s="13" t="s">
        <v>205</v>
      </c>
      <c r="S9" s="13" t="s">
        <v>205</v>
      </c>
      <c r="T9" s="13" t="s">
        <v>205</v>
      </c>
      <c r="U9" s="13" t="s">
        <v>205</v>
      </c>
      <c r="V9" s="13" t="s">
        <v>205</v>
      </c>
      <c r="W9" s="13" t="s">
        <v>205</v>
      </c>
      <c r="X9" s="13" t="s">
        <v>205</v>
      </c>
      <c r="Y9" s="13" t="s">
        <v>205</v>
      </c>
      <c r="Z9" s="13" t="s">
        <v>205</v>
      </c>
      <c r="AA9" s="13" t="s">
        <v>205</v>
      </c>
      <c r="AB9" s="13" t="s">
        <v>205</v>
      </c>
      <c r="AC9" s="13" t="s">
        <v>205</v>
      </c>
      <c r="AD9" s="13" t="s">
        <v>205</v>
      </c>
    </row>
    <row r="10" spans="1:30" ht="13.5" x14ac:dyDescent="0.15">
      <c r="A10" s="14" t="s">
        <v>206</v>
      </c>
      <c r="B10" s="14" t="s">
        <v>207</v>
      </c>
      <c r="C10" s="14" t="s">
        <v>2</v>
      </c>
      <c r="D10" s="14" t="s">
        <v>10</v>
      </c>
      <c r="E10" s="14" t="s">
        <v>6</v>
      </c>
      <c r="F10" s="14" t="s">
        <v>158</v>
      </c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</row>
    <row r="11" spans="1:30" x14ac:dyDescent="0.15">
      <c r="A11" s="18" t="s">
        <v>196</v>
      </c>
      <c r="B11" s="18" t="s">
        <v>208</v>
      </c>
      <c r="C11" s="18" t="s">
        <v>153</v>
      </c>
      <c r="D11" s="18" t="s">
        <v>9</v>
      </c>
      <c r="E11" s="18" t="s">
        <v>3</v>
      </c>
      <c r="F11" s="18" t="s">
        <v>157</v>
      </c>
      <c r="G11" s="17">
        <v>26.935919999999999</v>
      </c>
      <c r="H11" s="17">
        <v>99.762810000000002</v>
      </c>
      <c r="I11" s="17">
        <v>94.732740000000007</v>
      </c>
      <c r="J11" s="17">
        <v>67.039479999999998</v>
      </c>
      <c r="K11" s="17">
        <v>41.470109999999998</v>
      </c>
      <c r="L11" s="17">
        <v>29.608699999999999</v>
      </c>
      <c r="M11" s="17">
        <v>24.806429999999999</v>
      </c>
      <c r="N11" s="17">
        <v>21.886089999999999</v>
      </c>
      <c r="O11" s="17">
        <v>19.228580000000001</v>
      </c>
      <c r="P11" s="17">
        <v>14.16417</v>
      </c>
      <c r="Q11" s="17">
        <v>10.383599999999999</v>
      </c>
      <c r="R11" s="17">
        <v>7.6733900000000004</v>
      </c>
      <c r="S11" s="17">
        <v>5.42631</v>
      </c>
      <c r="T11" s="17">
        <v>3.1740300000000001</v>
      </c>
      <c r="U11" s="17">
        <v>2.1583100000000002</v>
      </c>
      <c r="V11" s="17">
        <v>1.98824</v>
      </c>
      <c r="W11" s="17">
        <v>1.9604900000000001</v>
      </c>
      <c r="X11" s="17">
        <v>1.27119</v>
      </c>
      <c r="Y11" s="17">
        <v>0</v>
      </c>
      <c r="Z11" s="17">
        <v>38.52796</v>
      </c>
      <c r="AA11" s="17">
        <v>4.3665099999999999</v>
      </c>
      <c r="AB11" s="17">
        <v>2.4583200000000001</v>
      </c>
      <c r="AC11" s="17">
        <v>1.89062</v>
      </c>
      <c r="AD11" s="17">
        <v>30.429870000000001</v>
      </c>
    </row>
    <row r="12" spans="1:30" x14ac:dyDescent="0.15">
      <c r="A12" s="18" t="s">
        <v>196</v>
      </c>
      <c r="B12" s="18" t="s">
        <v>208</v>
      </c>
      <c r="C12" s="18" t="s">
        <v>153</v>
      </c>
      <c r="D12" s="18" t="s">
        <v>9</v>
      </c>
      <c r="E12" s="18" t="s">
        <v>3</v>
      </c>
      <c r="F12" s="18" t="s">
        <v>156</v>
      </c>
      <c r="G12" s="17">
        <v>57.662120000000002</v>
      </c>
      <c r="H12" s="17">
        <v>0.21656</v>
      </c>
      <c r="I12" s="17">
        <v>4.9995099999999999</v>
      </c>
      <c r="J12" s="17">
        <v>31.663350000000001</v>
      </c>
      <c r="K12" s="17">
        <v>55.651290000000003</v>
      </c>
      <c r="L12" s="17">
        <v>65.770740000000004</v>
      </c>
      <c r="M12" s="17">
        <v>69.013779999999997</v>
      </c>
      <c r="N12" s="17">
        <v>69.807190000000006</v>
      </c>
      <c r="O12" s="17">
        <v>70.005700000000004</v>
      </c>
      <c r="P12" s="17">
        <v>73.76473</v>
      </c>
      <c r="Q12" s="17">
        <v>76.338790000000003</v>
      </c>
      <c r="R12" s="17">
        <v>76.469269999999995</v>
      </c>
      <c r="S12" s="17">
        <v>73.648030000000006</v>
      </c>
      <c r="T12" s="17">
        <v>67.844319999999996</v>
      </c>
      <c r="U12" s="17">
        <v>56.193420000000003</v>
      </c>
      <c r="V12" s="17">
        <v>37.583170000000003</v>
      </c>
      <c r="W12" s="17">
        <v>21.565349999999999</v>
      </c>
      <c r="X12" s="17">
        <v>8.8983100000000004</v>
      </c>
      <c r="Y12" s="17">
        <v>3.0821900000000002</v>
      </c>
      <c r="Z12" s="17">
        <v>54.985340000000001</v>
      </c>
      <c r="AA12" s="17">
        <v>62.873750000000001</v>
      </c>
      <c r="AB12" s="17">
        <v>51.791879999999999</v>
      </c>
      <c r="AC12" s="17">
        <v>29.761140000000001</v>
      </c>
      <c r="AD12" s="17">
        <v>61.569310000000002</v>
      </c>
    </row>
    <row r="13" spans="1:30" x14ac:dyDescent="0.15">
      <c r="A13" s="18" t="s">
        <v>196</v>
      </c>
      <c r="B13" s="18" t="s">
        <v>208</v>
      </c>
      <c r="C13" s="18" t="s">
        <v>153</v>
      </c>
      <c r="D13" s="18" t="s">
        <v>9</v>
      </c>
      <c r="E13" s="18" t="s">
        <v>3</v>
      </c>
      <c r="F13" s="18" t="s">
        <v>155</v>
      </c>
      <c r="G13" s="17">
        <v>9.9403500000000005</v>
      </c>
      <c r="H13" s="17">
        <v>0</v>
      </c>
      <c r="I13" s="17">
        <v>1.9470000000000001E-2</v>
      </c>
      <c r="J13" s="17">
        <v>3.0640000000000001E-2</v>
      </c>
      <c r="K13" s="17">
        <v>8.183E-2</v>
      </c>
      <c r="L13" s="17">
        <v>0.15531</v>
      </c>
      <c r="M13" s="17">
        <v>0.27263999999999999</v>
      </c>
      <c r="N13" s="17">
        <v>0.65058000000000005</v>
      </c>
      <c r="O13" s="17">
        <v>1.40097</v>
      </c>
      <c r="P13" s="17">
        <v>2.6642700000000001</v>
      </c>
      <c r="Q13" s="17">
        <v>4.6847200000000004</v>
      </c>
      <c r="R13" s="17">
        <v>8.1690500000000004</v>
      </c>
      <c r="S13" s="17">
        <v>13.75606</v>
      </c>
      <c r="T13" s="17">
        <v>23.795120000000001</v>
      </c>
      <c r="U13" s="17">
        <v>37.97748</v>
      </c>
      <c r="V13" s="17">
        <v>57.937489999999997</v>
      </c>
      <c r="W13" s="17">
        <v>74.680850000000007</v>
      </c>
      <c r="X13" s="17">
        <v>88.400419999999997</v>
      </c>
      <c r="Y13" s="17">
        <v>95.890410000000003</v>
      </c>
      <c r="Z13" s="17">
        <v>1.04453</v>
      </c>
      <c r="AA13" s="17">
        <v>27.260269999999998</v>
      </c>
      <c r="AB13" s="17">
        <v>42.001950000000001</v>
      </c>
      <c r="AC13" s="17">
        <v>66.180949999999996</v>
      </c>
      <c r="AD13" s="17">
        <v>1.8940300000000001</v>
      </c>
    </row>
    <row r="14" spans="1:30" x14ac:dyDescent="0.15">
      <c r="A14" s="18" t="s">
        <v>196</v>
      </c>
      <c r="B14" s="18" t="s">
        <v>208</v>
      </c>
      <c r="C14" s="18" t="s">
        <v>153</v>
      </c>
      <c r="D14" s="18" t="s">
        <v>9</v>
      </c>
      <c r="E14" s="18" t="s">
        <v>3</v>
      </c>
      <c r="F14" s="18" t="s">
        <v>154</v>
      </c>
      <c r="G14" s="17">
        <v>5.4616100000000003</v>
      </c>
      <c r="H14" s="17">
        <v>2.0619999999999999E-2</v>
      </c>
      <c r="I14" s="17">
        <v>0.24826999999999999</v>
      </c>
      <c r="J14" s="17">
        <v>1.2665299999999999</v>
      </c>
      <c r="K14" s="17">
        <v>2.79677</v>
      </c>
      <c r="L14" s="17">
        <v>4.4652500000000002</v>
      </c>
      <c r="M14" s="17">
        <v>5.9071600000000002</v>
      </c>
      <c r="N14" s="17">
        <v>7.6561399999999997</v>
      </c>
      <c r="O14" s="17">
        <v>9.3647500000000008</v>
      </c>
      <c r="P14" s="17">
        <v>9.4068299999999994</v>
      </c>
      <c r="Q14" s="17">
        <v>8.5928900000000006</v>
      </c>
      <c r="R14" s="17">
        <v>7.6882900000000003</v>
      </c>
      <c r="S14" s="17">
        <v>7.1696</v>
      </c>
      <c r="T14" s="17">
        <v>5.1865300000000003</v>
      </c>
      <c r="U14" s="17">
        <v>3.6707900000000002</v>
      </c>
      <c r="V14" s="17">
        <v>2.4910999999999999</v>
      </c>
      <c r="W14" s="17">
        <v>1.79331</v>
      </c>
      <c r="X14" s="17">
        <v>1.43008</v>
      </c>
      <c r="Y14" s="17">
        <v>1.0274000000000001</v>
      </c>
      <c r="Z14" s="17">
        <v>5.44217</v>
      </c>
      <c r="AA14" s="17">
        <v>5.4994699999999996</v>
      </c>
      <c r="AB14" s="17">
        <v>3.7478500000000001</v>
      </c>
      <c r="AC14" s="17">
        <v>2.1673</v>
      </c>
      <c r="AD14" s="17">
        <v>6.1067900000000002</v>
      </c>
    </row>
    <row r="15" spans="1:30" x14ac:dyDescent="0.15">
      <c r="A15" s="18" t="s">
        <v>196</v>
      </c>
      <c r="B15" s="18" t="s">
        <v>208</v>
      </c>
      <c r="C15" s="18" t="s">
        <v>153</v>
      </c>
      <c r="D15" s="18" t="s">
        <v>9</v>
      </c>
      <c r="E15" s="18" t="s">
        <v>5</v>
      </c>
      <c r="F15" s="18" t="s">
        <v>157</v>
      </c>
      <c r="G15" s="17">
        <v>32.850740000000002</v>
      </c>
      <c r="H15" s="17">
        <v>99.775019999999998</v>
      </c>
      <c r="I15" s="17">
        <v>96.301590000000004</v>
      </c>
      <c r="J15" s="17">
        <v>73.363500000000002</v>
      </c>
      <c r="K15" s="17">
        <v>49.107059999999997</v>
      </c>
      <c r="L15" s="17">
        <v>36.627470000000002</v>
      </c>
      <c r="M15" s="17">
        <v>30.92313</v>
      </c>
      <c r="N15" s="17">
        <v>27.514089999999999</v>
      </c>
      <c r="O15" s="17">
        <v>24.753789999999999</v>
      </c>
      <c r="P15" s="17">
        <v>19.029610000000002</v>
      </c>
      <c r="Q15" s="17">
        <v>14.683020000000001</v>
      </c>
      <c r="R15" s="17">
        <v>11.62449</v>
      </c>
      <c r="S15" s="17">
        <v>7.2770099999999998</v>
      </c>
      <c r="T15" s="17">
        <v>3.4558599999999999</v>
      </c>
      <c r="U15" s="17">
        <v>1.5665100000000001</v>
      </c>
      <c r="V15" s="17">
        <v>1.4987299999999999</v>
      </c>
      <c r="W15" s="17">
        <v>0.69045000000000001</v>
      </c>
      <c r="X15" s="17">
        <v>0.94937000000000005</v>
      </c>
      <c r="Y15" s="17">
        <v>0</v>
      </c>
      <c r="Z15" s="17">
        <v>44.26247</v>
      </c>
      <c r="AA15" s="17">
        <v>6.0190000000000001</v>
      </c>
      <c r="AB15" s="17">
        <v>2.3154300000000001</v>
      </c>
      <c r="AC15" s="17">
        <v>1.24359</v>
      </c>
      <c r="AD15" s="17">
        <v>36.485210000000002</v>
      </c>
    </row>
    <row r="16" spans="1:30" x14ac:dyDescent="0.15">
      <c r="A16" s="18" t="s">
        <v>196</v>
      </c>
      <c r="B16" s="18" t="s">
        <v>208</v>
      </c>
      <c r="C16" s="18" t="s">
        <v>153</v>
      </c>
      <c r="D16" s="18" t="s">
        <v>9</v>
      </c>
      <c r="E16" s="18" t="s">
        <v>5</v>
      </c>
      <c r="F16" s="18" t="s">
        <v>156</v>
      </c>
      <c r="G16" s="17">
        <v>59.488860000000003</v>
      </c>
      <c r="H16" s="17">
        <v>0.20541999999999999</v>
      </c>
      <c r="I16" s="17">
        <v>3.5554800000000002</v>
      </c>
      <c r="J16" s="17">
        <v>25.84713</v>
      </c>
      <c r="K16" s="17">
        <v>49.042949999999998</v>
      </c>
      <c r="L16" s="17">
        <v>60.245179999999998</v>
      </c>
      <c r="M16" s="17">
        <v>64.612139999999997</v>
      </c>
      <c r="N16" s="17">
        <v>66.583399999999997</v>
      </c>
      <c r="O16" s="17">
        <v>66.955370000000002</v>
      </c>
      <c r="P16" s="17">
        <v>72.151589999999999</v>
      </c>
      <c r="Q16" s="17">
        <v>75.444810000000004</v>
      </c>
      <c r="R16" s="17">
        <v>77.826790000000003</v>
      </c>
      <c r="S16" s="17">
        <v>80.439760000000007</v>
      </c>
      <c r="T16" s="17">
        <v>83.609859999999998</v>
      </c>
      <c r="U16" s="17">
        <v>82.012150000000005</v>
      </c>
      <c r="V16" s="17">
        <v>73.553150000000002</v>
      </c>
      <c r="W16" s="17">
        <v>60.75949</v>
      </c>
      <c r="X16" s="17">
        <v>40.506329999999998</v>
      </c>
      <c r="Y16" s="17">
        <v>19.047619999999998</v>
      </c>
      <c r="Z16" s="17">
        <v>51.114899999999999</v>
      </c>
      <c r="AA16" s="17">
        <v>79.178079999999994</v>
      </c>
      <c r="AB16" s="17">
        <v>79.10454</v>
      </c>
      <c r="AC16" s="17">
        <v>68.117519999999999</v>
      </c>
      <c r="AD16" s="17">
        <v>57.920180000000002</v>
      </c>
    </row>
    <row r="17" spans="1:30" x14ac:dyDescent="0.15">
      <c r="A17" s="18" t="s">
        <v>196</v>
      </c>
      <c r="B17" s="18" t="s">
        <v>208</v>
      </c>
      <c r="C17" s="18" t="s">
        <v>153</v>
      </c>
      <c r="D17" s="18" t="s">
        <v>9</v>
      </c>
      <c r="E17" s="18" t="s">
        <v>5</v>
      </c>
      <c r="F17" s="18" t="s">
        <v>155</v>
      </c>
      <c r="G17" s="17">
        <v>3.2162099999999998</v>
      </c>
      <c r="H17" s="17">
        <v>0</v>
      </c>
      <c r="I17" s="17">
        <v>1.787E-2</v>
      </c>
      <c r="J17" s="17">
        <v>0</v>
      </c>
      <c r="K17" s="17">
        <v>3.6630000000000003E-2</v>
      </c>
      <c r="L17" s="17">
        <v>5.8380000000000001E-2</v>
      </c>
      <c r="M17" s="17">
        <v>9.1259999999999994E-2</v>
      </c>
      <c r="N17" s="17">
        <v>0.28466999999999998</v>
      </c>
      <c r="O17" s="17">
        <v>0.60767000000000004</v>
      </c>
      <c r="P17" s="17">
        <v>1.06212</v>
      </c>
      <c r="Q17" s="17">
        <v>2.0297100000000001</v>
      </c>
      <c r="R17" s="17">
        <v>3.6916600000000002</v>
      </c>
      <c r="S17" s="17">
        <v>5.81114</v>
      </c>
      <c r="T17" s="17">
        <v>8.5434000000000001</v>
      </c>
      <c r="U17" s="17">
        <v>13.40986</v>
      </c>
      <c r="V17" s="17">
        <v>23.518560000000001</v>
      </c>
      <c r="W17" s="17">
        <v>37.341769999999997</v>
      </c>
      <c r="X17" s="17">
        <v>58.5443</v>
      </c>
      <c r="Y17" s="17">
        <v>80.952380000000005</v>
      </c>
      <c r="Z17" s="17">
        <v>0.42491000000000001</v>
      </c>
      <c r="AA17" s="17">
        <v>9.7792200000000005</v>
      </c>
      <c r="AB17" s="17">
        <v>15.40793</v>
      </c>
      <c r="AC17" s="17">
        <v>29.348669999999998</v>
      </c>
      <c r="AD17" s="17">
        <v>0.79091999999999996</v>
      </c>
    </row>
    <row r="18" spans="1:30" x14ac:dyDescent="0.15">
      <c r="A18" s="18" t="s">
        <v>196</v>
      </c>
      <c r="B18" s="18" t="s">
        <v>208</v>
      </c>
      <c r="C18" s="18" t="s">
        <v>153</v>
      </c>
      <c r="D18" s="18" t="s">
        <v>9</v>
      </c>
      <c r="E18" s="18" t="s">
        <v>5</v>
      </c>
      <c r="F18" s="18" t="s">
        <v>154</v>
      </c>
      <c r="G18" s="17">
        <v>4.4441899999999999</v>
      </c>
      <c r="H18" s="17">
        <v>1.9560000000000001E-2</v>
      </c>
      <c r="I18" s="17">
        <v>0.12506999999999999</v>
      </c>
      <c r="J18" s="17">
        <v>0.78937000000000002</v>
      </c>
      <c r="K18" s="17">
        <v>1.81335</v>
      </c>
      <c r="L18" s="17">
        <v>3.0689700000000002</v>
      </c>
      <c r="M18" s="17">
        <v>4.3734599999999997</v>
      </c>
      <c r="N18" s="17">
        <v>5.6178499999999998</v>
      </c>
      <c r="O18" s="17">
        <v>7.6831699999999996</v>
      </c>
      <c r="P18" s="17">
        <v>7.7566800000000002</v>
      </c>
      <c r="Q18" s="17">
        <v>7.84246</v>
      </c>
      <c r="R18" s="17">
        <v>6.8570500000000001</v>
      </c>
      <c r="S18" s="17">
        <v>6.4720899999999997</v>
      </c>
      <c r="T18" s="17">
        <v>4.3908699999999996</v>
      </c>
      <c r="U18" s="17">
        <v>3.0114800000000002</v>
      </c>
      <c r="V18" s="17">
        <v>1.4295599999999999</v>
      </c>
      <c r="W18" s="17">
        <v>1.2082900000000001</v>
      </c>
      <c r="X18" s="17">
        <v>0</v>
      </c>
      <c r="Y18" s="17">
        <v>0</v>
      </c>
      <c r="Z18" s="17">
        <v>4.19773</v>
      </c>
      <c r="AA18" s="17">
        <v>5.0236999999999998</v>
      </c>
      <c r="AB18" s="17">
        <v>3.1720999999999999</v>
      </c>
      <c r="AC18" s="17">
        <v>1.2902199999999999</v>
      </c>
      <c r="AD18" s="17">
        <v>4.8036899999999996</v>
      </c>
    </row>
    <row r="19" spans="1:30" x14ac:dyDescent="0.15">
      <c r="A19" s="18" t="s">
        <v>196</v>
      </c>
      <c r="B19" s="18" t="s">
        <v>208</v>
      </c>
      <c r="C19" s="18" t="s">
        <v>153</v>
      </c>
      <c r="D19" s="18" t="s">
        <v>9</v>
      </c>
      <c r="E19" s="18" t="s">
        <v>4</v>
      </c>
      <c r="F19" s="18" t="s">
        <v>157</v>
      </c>
      <c r="G19" s="17">
        <v>21.353619999999999</v>
      </c>
      <c r="H19" s="17">
        <v>99.749210000000005</v>
      </c>
      <c r="I19" s="17">
        <v>92.854089999999999</v>
      </c>
      <c r="J19" s="17">
        <v>59.8934</v>
      </c>
      <c r="K19" s="17">
        <v>33.008629999999997</v>
      </c>
      <c r="L19" s="17">
        <v>22.08616</v>
      </c>
      <c r="M19" s="17">
        <v>18.23733</v>
      </c>
      <c r="N19" s="17">
        <v>16.05132</v>
      </c>
      <c r="O19" s="17">
        <v>13.469239999999999</v>
      </c>
      <c r="P19" s="17">
        <v>9.3678100000000004</v>
      </c>
      <c r="Q19" s="17">
        <v>6.23123</v>
      </c>
      <c r="R19" s="17">
        <v>4.0037399999999996</v>
      </c>
      <c r="S19" s="17">
        <v>3.79169</v>
      </c>
      <c r="T19" s="17">
        <v>2.95261</v>
      </c>
      <c r="U19" s="17">
        <v>2.56745</v>
      </c>
      <c r="V19" s="17">
        <v>2.23542</v>
      </c>
      <c r="W19" s="17">
        <v>2.4163600000000001</v>
      </c>
      <c r="X19" s="17">
        <v>1.33588</v>
      </c>
      <c r="Y19" s="17">
        <v>0</v>
      </c>
      <c r="Z19" s="17">
        <v>32.423560000000002</v>
      </c>
      <c r="AA19" s="17">
        <v>3.1352500000000001</v>
      </c>
      <c r="AB19" s="17">
        <v>2.54705</v>
      </c>
      <c r="AC19" s="17">
        <v>2.16351</v>
      </c>
      <c r="AD19" s="17">
        <v>24.100809999999999</v>
      </c>
    </row>
    <row r="20" spans="1:30" x14ac:dyDescent="0.15">
      <c r="A20" s="18" t="s">
        <v>196</v>
      </c>
      <c r="B20" s="18" t="s">
        <v>208</v>
      </c>
      <c r="C20" s="18" t="s">
        <v>153</v>
      </c>
      <c r="D20" s="18" t="s">
        <v>9</v>
      </c>
      <c r="E20" s="18" t="s">
        <v>4</v>
      </c>
      <c r="F20" s="18" t="s">
        <v>156</v>
      </c>
      <c r="G20" s="17">
        <v>55.938090000000003</v>
      </c>
      <c r="H20" s="17">
        <v>0.22897999999999999</v>
      </c>
      <c r="I20" s="17">
        <v>6.7287100000000004</v>
      </c>
      <c r="J20" s="17">
        <v>38.235610000000001</v>
      </c>
      <c r="K20" s="17">
        <v>62.973109999999998</v>
      </c>
      <c r="L20" s="17">
        <v>71.692890000000006</v>
      </c>
      <c r="M20" s="17">
        <v>73.740949999999998</v>
      </c>
      <c r="N20" s="17">
        <v>73.149429999999995</v>
      </c>
      <c r="O20" s="17">
        <v>73.185289999999995</v>
      </c>
      <c r="P20" s="17">
        <v>75.354960000000005</v>
      </c>
      <c r="Q20" s="17">
        <v>77.202200000000005</v>
      </c>
      <c r="R20" s="17">
        <v>75.208449999999999</v>
      </c>
      <c r="S20" s="17">
        <v>67.649270000000001</v>
      </c>
      <c r="T20" s="17">
        <v>55.458739999999999</v>
      </c>
      <c r="U20" s="17">
        <v>38.343760000000003</v>
      </c>
      <c r="V20" s="17">
        <v>19.420190000000002</v>
      </c>
      <c r="W20" s="17">
        <v>7.4969000000000001</v>
      </c>
      <c r="X20" s="17">
        <v>2.54453</v>
      </c>
      <c r="Y20" s="17">
        <v>0.4</v>
      </c>
      <c r="Z20" s="17">
        <v>59.105440000000002</v>
      </c>
      <c r="AA20" s="17">
        <v>50.725409999999997</v>
      </c>
      <c r="AB20" s="17">
        <v>34.83061</v>
      </c>
      <c r="AC20" s="17">
        <v>13.584210000000001</v>
      </c>
      <c r="AD20" s="17">
        <v>65.383380000000002</v>
      </c>
    </row>
    <row r="21" spans="1:30" x14ac:dyDescent="0.15">
      <c r="A21" s="18" t="s">
        <v>196</v>
      </c>
      <c r="B21" s="18" t="s">
        <v>208</v>
      </c>
      <c r="C21" s="18" t="s">
        <v>153</v>
      </c>
      <c r="D21" s="18" t="s">
        <v>9</v>
      </c>
      <c r="E21" s="18" t="s">
        <v>4</v>
      </c>
      <c r="F21" s="18" t="s">
        <v>155</v>
      </c>
      <c r="G21" s="17">
        <v>16.286470000000001</v>
      </c>
      <c r="H21" s="17">
        <v>0</v>
      </c>
      <c r="I21" s="17">
        <v>2.1389999999999999E-2</v>
      </c>
      <c r="J21" s="17">
        <v>6.5269999999999995E-2</v>
      </c>
      <c r="K21" s="17">
        <v>0.13191</v>
      </c>
      <c r="L21" s="17">
        <v>0.25921</v>
      </c>
      <c r="M21" s="17">
        <v>0.46743000000000001</v>
      </c>
      <c r="N21" s="17">
        <v>1.02993</v>
      </c>
      <c r="O21" s="17">
        <v>2.2278799999999999</v>
      </c>
      <c r="P21" s="17">
        <v>4.2436699999999998</v>
      </c>
      <c r="Q21" s="17">
        <v>7.24892</v>
      </c>
      <c r="R21" s="17">
        <v>12.327489999999999</v>
      </c>
      <c r="S21" s="17">
        <v>20.77337</v>
      </c>
      <c r="T21" s="17">
        <v>35.77704</v>
      </c>
      <c r="U21" s="17">
        <v>54.96219</v>
      </c>
      <c r="V21" s="17">
        <v>75.317269999999994</v>
      </c>
      <c r="W21" s="17">
        <v>88.083439999999996</v>
      </c>
      <c r="X21" s="17">
        <v>94.40204</v>
      </c>
      <c r="Y21" s="17">
        <v>98.4</v>
      </c>
      <c r="Z21" s="17">
        <v>1.7041200000000001</v>
      </c>
      <c r="AA21" s="17">
        <v>40.285380000000004</v>
      </c>
      <c r="AB21" s="17">
        <v>58.516939999999998</v>
      </c>
      <c r="AC21" s="17">
        <v>81.715069999999997</v>
      </c>
      <c r="AD21" s="17">
        <v>3.0470100000000002</v>
      </c>
    </row>
    <row r="22" spans="1:30" x14ac:dyDescent="0.15">
      <c r="A22" s="18" t="s">
        <v>196</v>
      </c>
      <c r="B22" s="18" t="s">
        <v>208</v>
      </c>
      <c r="C22" s="18" t="s">
        <v>153</v>
      </c>
      <c r="D22" s="18" t="s">
        <v>9</v>
      </c>
      <c r="E22" s="18" t="s">
        <v>4</v>
      </c>
      <c r="F22" s="18" t="s">
        <v>154</v>
      </c>
      <c r="G22" s="17">
        <v>6.4218299999999999</v>
      </c>
      <c r="H22" s="17">
        <v>2.181E-2</v>
      </c>
      <c r="I22" s="17">
        <v>0.39581</v>
      </c>
      <c r="J22" s="17">
        <v>1.80572</v>
      </c>
      <c r="K22" s="17">
        <v>3.8863500000000002</v>
      </c>
      <c r="L22" s="17">
        <v>5.9617399999999998</v>
      </c>
      <c r="M22" s="17">
        <v>7.5542800000000003</v>
      </c>
      <c r="N22" s="17">
        <v>9.7693200000000004</v>
      </c>
      <c r="O22" s="17">
        <v>11.11758</v>
      </c>
      <c r="P22" s="17">
        <v>11.03355</v>
      </c>
      <c r="Q22" s="17">
        <v>9.3176500000000004</v>
      </c>
      <c r="R22" s="17">
        <v>8.4603199999999994</v>
      </c>
      <c r="S22" s="17">
        <v>7.7856800000000002</v>
      </c>
      <c r="T22" s="17">
        <v>5.8116099999999999</v>
      </c>
      <c r="U22" s="17">
        <v>4.1265999999999998</v>
      </c>
      <c r="V22" s="17">
        <v>3.0271300000000001</v>
      </c>
      <c r="W22" s="17">
        <v>2.0032999999999999</v>
      </c>
      <c r="X22" s="17">
        <v>1.71756</v>
      </c>
      <c r="Y22" s="17">
        <v>1.2</v>
      </c>
      <c r="Z22" s="17">
        <v>6.7668799999999996</v>
      </c>
      <c r="AA22" s="17">
        <v>5.8539599999999998</v>
      </c>
      <c r="AB22" s="17">
        <v>4.1054000000000004</v>
      </c>
      <c r="AC22" s="17">
        <v>2.53721</v>
      </c>
      <c r="AD22" s="17">
        <v>7.4687900000000003</v>
      </c>
    </row>
    <row r="23" spans="1:30" x14ac:dyDescent="0.15">
      <c r="A23" s="18" t="s">
        <v>196</v>
      </c>
      <c r="B23" s="18" t="s">
        <v>208</v>
      </c>
      <c r="C23" s="18" t="s">
        <v>153</v>
      </c>
      <c r="D23" s="18" t="s">
        <v>8</v>
      </c>
      <c r="E23" s="18" t="s">
        <v>3</v>
      </c>
      <c r="F23" s="18" t="s">
        <v>157</v>
      </c>
      <c r="G23" s="17">
        <v>26.621130000000001</v>
      </c>
      <c r="H23" s="17">
        <v>99.776219999999995</v>
      </c>
      <c r="I23" s="17">
        <v>94.829639999999998</v>
      </c>
      <c r="J23" s="17">
        <v>66.739400000000003</v>
      </c>
      <c r="K23" s="17">
        <v>41.96217</v>
      </c>
      <c r="L23" s="17">
        <v>30.008009999999999</v>
      </c>
      <c r="M23" s="17">
        <v>25.067599999999999</v>
      </c>
      <c r="N23" s="17">
        <v>22.060939999999999</v>
      </c>
      <c r="O23" s="17">
        <v>19.382729999999999</v>
      </c>
      <c r="P23" s="17">
        <v>14.21767</v>
      </c>
      <c r="Q23" s="17">
        <v>10.3865</v>
      </c>
      <c r="R23" s="17">
        <v>7.63964</v>
      </c>
      <c r="S23" s="17">
        <v>5.4089</v>
      </c>
      <c r="T23" s="17">
        <v>3.1749900000000002</v>
      </c>
      <c r="U23" s="17">
        <v>2.1568399999999999</v>
      </c>
      <c r="V23" s="17">
        <v>1.9920899999999999</v>
      </c>
      <c r="W23" s="17">
        <v>1.94736</v>
      </c>
      <c r="X23" s="17">
        <v>1.27186</v>
      </c>
      <c r="Y23" s="17">
        <v>0</v>
      </c>
      <c r="Z23" s="17">
        <v>38.330800000000004</v>
      </c>
      <c r="AA23" s="17">
        <v>4.3525</v>
      </c>
      <c r="AB23" s="17">
        <v>2.4577100000000001</v>
      </c>
      <c r="AC23" s="17">
        <v>1.8888799999999999</v>
      </c>
      <c r="AD23" s="17">
        <v>30.089369999999999</v>
      </c>
    </row>
    <row r="24" spans="1:30" x14ac:dyDescent="0.15">
      <c r="A24" s="18" t="s">
        <v>196</v>
      </c>
      <c r="B24" s="18" t="s">
        <v>208</v>
      </c>
      <c r="C24" s="18" t="s">
        <v>153</v>
      </c>
      <c r="D24" s="18" t="s">
        <v>8</v>
      </c>
      <c r="E24" s="18" t="s">
        <v>3</v>
      </c>
      <c r="F24" s="18" t="s">
        <v>156</v>
      </c>
      <c r="G24" s="17">
        <v>57.817929999999997</v>
      </c>
      <c r="H24" s="17">
        <v>0.20297000000000001</v>
      </c>
      <c r="I24" s="17">
        <v>4.89032</v>
      </c>
      <c r="J24" s="17">
        <v>31.93497</v>
      </c>
      <c r="K24" s="17">
        <v>55.172759999999997</v>
      </c>
      <c r="L24" s="17">
        <v>65.384619999999998</v>
      </c>
      <c r="M24" s="17">
        <v>68.787729999999996</v>
      </c>
      <c r="N24" s="17">
        <v>69.694699999999997</v>
      </c>
      <c r="O24" s="17">
        <v>69.943560000000005</v>
      </c>
      <c r="P24" s="17">
        <v>73.744550000000004</v>
      </c>
      <c r="Q24" s="17">
        <v>76.382660000000001</v>
      </c>
      <c r="R24" s="17">
        <v>76.501180000000005</v>
      </c>
      <c r="S24" s="17">
        <v>73.709310000000002</v>
      </c>
      <c r="T24" s="17">
        <v>67.854259999999996</v>
      </c>
      <c r="U24" s="17">
        <v>56.22719</v>
      </c>
      <c r="V24" s="17">
        <v>37.593980000000002</v>
      </c>
      <c r="W24" s="17">
        <v>21.55789</v>
      </c>
      <c r="X24" s="17">
        <v>8.9030199999999997</v>
      </c>
      <c r="Y24" s="17">
        <v>3.0821900000000002</v>
      </c>
      <c r="Z24" s="17">
        <v>55.148629999999997</v>
      </c>
      <c r="AA24" s="17">
        <v>62.89423</v>
      </c>
      <c r="AB24" s="17">
        <v>51.804130000000001</v>
      </c>
      <c r="AC24" s="17">
        <v>29.76031</v>
      </c>
      <c r="AD24" s="17">
        <v>61.847610000000003</v>
      </c>
    </row>
    <row r="25" spans="1:30" x14ac:dyDescent="0.15">
      <c r="A25" s="18" t="s">
        <v>196</v>
      </c>
      <c r="B25" s="18" t="s">
        <v>208</v>
      </c>
      <c r="C25" s="18" t="s">
        <v>153</v>
      </c>
      <c r="D25" s="18" t="s">
        <v>8</v>
      </c>
      <c r="E25" s="18" t="s">
        <v>3</v>
      </c>
      <c r="F25" s="18" t="s">
        <v>155</v>
      </c>
      <c r="G25" s="17">
        <v>10.08501</v>
      </c>
      <c r="H25" s="17">
        <v>0</v>
      </c>
      <c r="I25" s="17">
        <v>2.0740000000000001E-2</v>
      </c>
      <c r="J25" s="17">
        <v>2.7279999999999999E-2</v>
      </c>
      <c r="K25" s="17">
        <v>8.0710000000000004E-2</v>
      </c>
      <c r="L25" s="17">
        <v>0.15135000000000001</v>
      </c>
      <c r="M25" s="17">
        <v>0.26296999999999998</v>
      </c>
      <c r="N25" s="17">
        <v>0.62980000000000003</v>
      </c>
      <c r="O25" s="17">
        <v>1.3749199999999999</v>
      </c>
      <c r="P25" s="17">
        <v>2.6400800000000002</v>
      </c>
      <c r="Q25" s="17">
        <v>4.6722200000000003</v>
      </c>
      <c r="R25" s="17">
        <v>8.1671600000000009</v>
      </c>
      <c r="S25" s="17">
        <v>13.756080000000001</v>
      </c>
      <c r="T25" s="17">
        <v>23.792210000000001</v>
      </c>
      <c r="U25" s="17">
        <v>37.95487</v>
      </c>
      <c r="V25" s="17">
        <v>57.925739999999998</v>
      </c>
      <c r="W25" s="17">
        <v>74.699529999999996</v>
      </c>
      <c r="X25" s="17">
        <v>88.394279999999995</v>
      </c>
      <c r="Y25" s="17">
        <v>95.890410000000003</v>
      </c>
      <c r="Z25" s="17">
        <v>1.04894</v>
      </c>
      <c r="AA25" s="17">
        <v>27.269200000000001</v>
      </c>
      <c r="AB25" s="17">
        <v>41.996560000000002</v>
      </c>
      <c r="AC25" s="17">
        <v>66.184820000000002</v>
      </c>
      <c r="AD25" s="17">
        <v>1.91557</v>
      </c>
    </row>
    <row r="26" spans="1:30" x14ac:dyDescent="0.15">
      <c r="A26" s="18" t="s">
        <v>196</v>
      </c>
      <c r="B26" s="18" t="s">
        <v>208</v>
      </c>
      <c r="C26" s="18" t="s">
        <v>153</v>
      </c>
      <c r="D26" s="18" t="s">
        <v>8</v>
      </c>
      <c r="E26" s="18" t="s">
        <v>3</v>
      </c>
      <c r="F26" s="18" t="s">
        <v>154</v>
      </c>
      <c r="G26" s="17">
        <v>5.4759200000000003</v>
      </c>
      <c r="H26" s="17">
        <v>2.0820000000000002E-2</v>
      </c>
      <c r="I26" s="17">
        <v>0.25929999999999997</v>
      </c>
      <c r="J26" s="17">
        <v>1.2983499999999999</v>
      </c>
      <c r="K26" s="17">
        <v>2.7843599999999999</v>
      </c>
      <c r="L26" s="17">
        <v>4.4560199999999996</v>
      </c>
      <c r="M26" s="17">
        <v>5.8817000000000004</v>
      </c>
      <c r="N26" s="17">
        <v>7.61456</v>
      </c>
      <c r="O26" s="17">
        <v>9.2987900000000003</v>
      </c>
      <c r="P26" s="17">
        <v>9.39771</v>
      </c>
      <c r="Q26" s="17">
        <v>8.5586199999999995</v>
      </c>
      <c r="R26" s="17">
        <v>7.6920200000000003</v>
      </c>
      <c r="S26" s="17">
        <v>7.1257200000000003</v>
      </c>
      <c r="T26" s="17">
        <v>5.1785399999999999</v>
      </c>
      <c r="U26" s="17">
        <v>3.6610999999999998</v>
      </c>
      <c r="V26" s="17">
        <v>2.4881799999999998</v>
      </c>
      <c r="W26" s="17">
        <v>1.79522</v>
      </c>
      <c r="X26" s="17">
        <v>1.4308399999999999</v>
      </c>
      <c r="Y26" s="17">
        <v>1.0274000000000001</v>
      </c>
      <c r="Z26" s="17">
        <v>5.4716399999999998</v>
      </c>
      <c r="AA26" s="17">
        <v>5.48407</v>
      </c>
      <c r="AB26" s="17">
        <v>3.7416100000000001</v>
      </c>
      <c r="AC26" s="17">
        <v>2.1659799999999998</v>
      </c>
      <c r="AD26" s="17">
        <v>6.1474500000000001</v>
      </c>
    </row>
    <row r="27" spans="1:30" x14ac:dyDescent="0.15">
      <c r="A27" s="18" t="s">
        <v>196</v>
      </c>
      <c r="B27" s="18" t="s">
        <v>208</v>
      </c>
      <c r="C27" s="18" t="s">
        <v>153</v>
      </c>
      <c r="D27" s="18" t="s">
        <v>8</v>
      </c>
      <c r="E27" s="18" t="s">
        <v>5</v>
      </c>
      <c r="F27" s="18" t="s">
        <v>157</v>
      </c>
      <c r="G27" s="17">
        <v>32.490580000000001</v>
      </c>
      <c r="H27" s="17">
        <v>99.80247</v>
      </c>
      <c r="I27" s="17">
        <v>96.438770000000005</v>
      </c>
      <c r="J27" s="17">
        <v>73.148439999999994</v>
      </c>
      <c r="K27" s="17">
        <v>49.95664</v>
      </c>
      <c r="L27" s="17">
        <v>37.166849999999997</v>
      </c>
      <c r="M27" s="17">
        <v>31.119800000000001</v>
      </c>
      <c r="N27" s="17">
        <v>27.661570000000001</v>
      </c>
      <c r="O27" s="17">
        <v>24.825690000000002</v>
      </c>
      <c r="P27" s="17">
        <v>19.076969999999999</v>
      </c>
      <c r="Q27" s="17">
        <v>14.699759999999999</v>
      </c>
      <c r="R27" s="17">
        <v>11.57821</v>
      </c>
      <c r="S27" s="17">
        <v>7.2633000000000001</v>
      </c>
      <c r="T27" s="17">
        <v>3.46062</v>
      </c>
      <c r="U27" s="17">
        <v>1.5555300000000001</v>
      </c>
      <c r="V27" s="17">
        <v>1.5001199999999999</v>
      </c>
      <c r="W27" s="17">
        <v>0.63400999999999996</v>
      </c>
      <c r="X27" s="17">
        <v>0.94937000000000005</v>
      </c>
      <c r="Y27" s="17">
        <v>0</v>
      </c>
      <c r="Z27" s="17">
        <v>44.010010000000001</v>
      </c>
      <c r="AA27" s="17">
        <v>5.9973900000000002</v>
      </c>
      <c r="AB27" s="17">
        <v>2.3105199999999999</v>
      </c>
      <c r="AC27" s="17">
        <v>1.2293799999999999</v>
      </c>
      <c r="AD27" s="17">
        <v>36.103200000000001</v>
      </c>
    </row>
    <row r="28" spans="1:30" x14ac:dyDescent="0.15">
      <c r="A28" s="18" t="s">
        <v>196</v>
      </c>
      <c r="B28" s="18" t="s">
        <v>208</v>
      </c>
      <c r="C28" s="18" t="s">
        <v>153</v>
      </c>
      <c r="D28" s="18" t="s">
        <v>8</v>
      </c>
      <c r="E28" s="18" t="s">
        <v>5</v>
      </c>
      <c r="F28" s="18" t="s">
        <v>156</v>
      </c>
      <c r="G28" s="17">
        <v>59.757669999999997</v>
      </c>
      <c r="H28" s="17">
        <v>0.17777999999999999</v>
      </c>
      <c r="I28" s="17">
        <v>3.4088699999999998</v>
      </c>
      <c r="J28" s="17">
        <v>26.051729999999999</v>
      </c>
      <c r="K28" s="17">
        <v>48.193469999999998</v>
      </c>
      <c r="L28" s="17">
        <v>59.662350000000004</v>
      </c>
      <c r="M28" s="17">
        <v>64.408109999999994</v>
      </c>
      <c r="N28" s="17">
        <v>66.455730000000003</v>
      </c>
      <c r="O28" s="17">
        <v>66.884990000000002</v>
      </c>
      <c r="P28" s="17">
        <v>72.073970000000003</v>
      </c>
      <c r="Q28" s="17">
        <v>75.425200000000004</v>
      </c>
      <c r="R28" s="17">
        <v>77.884839999999997</v>
      </c>
      <c r="S28" s="17">
        <v>80.480279999999993</v>
      </c>
      <c r="T28" s="17">
        <v>83.605649999999997</v>
      </c>
      <c r="U28" s="17">
        <v>82.023539999999997</v>
      </c>
      <c r="V28" s="17">
        <v>73.574889999999996</v>
      </c>
      <c r="W28" s="17">
        <v>60.749279999999999</v>
      </c>
      <c r="X28" s="17">
        <v>40.506329999999998</v>
      </c>
      <c r="Y28" s="17">
        <v>19.047619999999998</v>
      </c>
      <c r="Z28" s="17">
        <v>51.301380000000002</v>
      </c>
      <c r="AA28" s="17">
        <v>79.206029999999998</v>
      </c>
      <c r="AB28" s="17">
        <v>79.108159999999998</v>
      </c>
      <c r="AC28" s="17">
        <v>68.129469999999998</v>
      </c>
      <c r="AD28" s="17">
        <v>58.221850000000003</v>
      </c>
    </row>
    <row r="29" spans="1:30" x14ac:dyDescent="0.15">
      <c r="A29" s="18" t="s">
        <v>196</v>
      </c>
      <c r="B29" s="18" t="s">
        <v>208</v>
      </c>
      <c r="C29" s="18" t="s">
        <v>153</v>
      </c>
      <c r="D29" s="18" t="s">
        <v>8</v>
      </c>
      <c r="E29" s="18" t="s">
        <v>5</v>
      </c>
      <c r="F29" s="18" t="s">
        <v>155</v>
      </c>
      <c r="G29" s="17">
        <v>3.26776</v>
      </c>
      <c r="H29" s="17">
        <v>0</v>
      </c>
      <c r="I29" s="17">
        <v>1.9040000000000001E-2</v>
      </c>
      <c r="J29" s="17">
        <v>0</v>
      </c>
      <c r="K29" s="17">
        <v>3.8539999999999998E-2</v>
      </c>
      <c r="L29" s="17">
        <v>5.9990000000000002E-2</v>
      </c>
      <c r="M29" s="17">
        <v>9.2429999999999998E-2</v>
      </c>
      <c r="N29" s="17">
        <v>0.27539000000000002</v>
      </c>
      <c r="O29" s="17">
        <v>0.61272000000000004</v>
      </c>
      <c r="P29" s="17">
        <v>1.06254</v>
      </c>
      <c r="Q29" s="17">
        <v>2.0392199999999998</v>
      </c>
      <c r="R29" s="17">
        <v>3.6910400000000001</v>
      </c>
      <c r="S29" s="17">
        <v>5.8001399999999999</v>
      </c>
      <c r="T29" s="17">
        <v>8.5459899999999998</v>
      </c>
      <c r="U29" s="17">
        <v>13.431620000000001</v>
      </c>
      <c r="V29" s="17">
        <v>23.517189999999999</v>
      </c>
      <c r="W29" s="17">
        <v>37.40634</v>
      </c>
      <c r="X29" s="17">
        <v>58.5443</v>
      </c>
      <c r="Y29" s="17">
        <v>80.952380000000005</v>
      </c>
      <c r="Z29" s="17">
        <v>0.43297000000000002</v>
      </c>
      <c r="AA29" s="17">
        <v>9.7873999999999999</v>
      </c>
      <c r="AB29" s="17">
        <v>15.42103</v>
      </c>
      <c r="AC29" s="17">
        <v>29.365079999999999</v>
      </c>
      <c r="AD29" s="17">
        <v>0.80576000000000003</v>
      </c>
    </row>
    <row r="30" spans="1:30" x14ac:dyDescent="0.15">
      <c r="A30" s="18" t="s">
        <v>196</v>
      </c>
      <c r="B30" s="18" t="s">
        <v>208</v>
      </c>
      <c r="C30" s="18" t="s">
        <v>153</v>
      </c>
      <c r="D30" s="18" t="s">
        <v>8</v>
      </c>
      <c r="E30" s="18" t="s">
        <v>5</v>
      </c>
      <c r="F30" s="18" t="s">
        <v>154</v>
      </c>
      <c r="G30" s="17">
        <v>4.4839900000000004</v>
      </c>
      <c r="H30" s="17">
        <v>1.975E-2</v>
      </c>
      <c r="I30" s="17">
        <v>0.13331000000000001</v>
      </c>
      <c r="J30" s="17">
        <v>0.79983000000000004</v>
      </c>
      <c r="K30" s="17">
        <v>1.81135</v>
      </c>
      <c r="L30" s="17">
        <v>3.1108099999999999</v>
      </c>
      <c r="M30" s="17">
        <v>4.37967</v>
      </c>
      <c r="N30" s="17">
        <v>5.60731</v>
      </c>
      <c r="O30" s="17">
        <v>7.6765999999999996</v>
      </c>
      <c r="P30" s="17">
        <v>7.7865200000000003</v>
      </c>
      <c r="Q30" s="17">
        <v>7.83582</v>
      </c>
      <c r="R30" s="17">
        <v>6.8459099999999999</v>
      </c>
      <c r="S30" s="17">
        <v>6.45627</v>
      </c>
      <c r="T30" s="17">
        <v>4.38774</v>
      </c>
      <c r="U30" s="17">
        <v>2.9893100000000001</v>
      </c>
      <c r="V30" s="17">
        <v>1.4077999999999999</v>
      </c>
      <c r="W30" s="17">
        <v>1.2103699999999999</v>
      </c>
      <c r="X30" s="17">
        <v>0</v>
      </c>
      <c r="Y30" s="17">
        <v>0</v>
      </c>
      <c r="Z30" s="17">
        <v>4.25563</v>
      </c>
      <c r="AA30" s="17">
        <v>5.0091799999999997</v>
      </c>
      <c r="AB30" s="17">
        <v>3.1602800000000002</v>
      </c>
      <c r="AC30" s="17">
        <v>1.27607</v>
      </c>
      <c r="AD30" s="17">
        <v>4.8691899999999997</v>
      </c>
    </row>
    <row r="31" spans="1:30" x14ac:dyDescent="0.15">
      <c r="A31" s="18" t="s">
        <v>196</v>
      </c>
      <c r="B31" s="18" t="s">
        <v>208</v>
      </c>
      <c r="C31" s="18" t="s">
        <v>153</v>
      </c>
      <c r="D31" s="18" t="s">
        <v>8</v>
      </c>
      <c r="E31" s="18" t="s">
        <v>4</v>
      </c>
      <c r="F31" s="18" t="s">
        <v>157</v>
      </c>
      <c r="G31" s="17">
        <v>21.081869999999999</v>
      </c>
      <c r="H31" s="17">
        <v>99.746970000000005</v>
      </c>
      <c r="I31" s="17">
        <v>92.905140000000003</v>
      </c>
      <c r="J31" s="17">
        <v>59.650739999999999</v>
      </c>
      <c r="K31" s="17">
        <v>33.178060000000002</v>
      </c>
      <c r="L31" s="17">
        <v>22.269570000000002</v>
      </c>
      <c r="M31" s="17">
        <v>18.486160000000002</v>
      </c>
      <c r="N31" s="17">
        <v>16.188490000000002</v>
      </c>
      <c r="O31" s="17">
        <v>13.631970000000001</v>
      </c>
      <c r="P31" s="17">
        <v>9.4028799999999997</v>
      </c>
      <c r="Q31" s="17">
        <v>6.2063699999999997</v>
      </c>
      <c r="R31" s="17">
        <v>3.9826800000000002</v>
      </c>
      <c r="S31" s="17">
        <v>3.7715100000000001</v>
      </c>
      <c r="T31" s="17">
        <v>2.95051</v>
      </c>
      <c r="U31" s="17">
        <v>2.57274</v>
      </c>
      <c r="V31" s="17">
        <v>2.2408999999999999</v>
      </c>
      <c r="W31" s="17">
        <v>2.4183500000000002</v>
      </c>
      <c r="X31" s="17">
        <v>1.33673</v>
      </c>
      <c r="Y31" s="17">
        <v>0</v>
      </c>
      <c r="Z31" s="17">
        <v>32.268009999999997</v>
      </c>
      <c r="AA31" s="17">
        <v>3.1269800000000001</v>
      </c>
      <c r="AB31" s="17">
        <v>2.54915</v>
      </c>
      <c r="AC31" s="17">
        <v>2.1671999999999998</v>
      </c>
      <c r="AD31" s="17">
        <v>23.78848</v>
      </c>
    </row>
    <row r="32" spans="1:30" x14ac:dyDescent="0.15">
      <c r="A32" s="18" t="s">
        <v>196</v>
      </c>
      <c r="B32" s="18" t="s">
        <v>208</v>
      </c>
      <c r="C32" s="18" t="s">
        <v>153</v>
      </c>
      <c r="D32" s="18" t="s">
        <v>8</v>
      </c>
      <c r="E32" s="18" t="s">
        <v>4</v>
      </c>
      <c r="F32" s="18" t="s">
        <v>156</v>
      </c>
      <c r="G32" s="17">
        <v>55.987310000000001</v>
      </c>
      <c r="H32" s="17">
        <v>0.23102</v>
      </c>
      <c r="I32" s="17">
        <v>6.6621100000000002</v>
      </c>
      <c r="J32" s="17">
        <v>38.442100000000003</v>
      </c>
      <c r="K32" s="17">
        <v>62.841410000000003</v>
      </c>
      <c r="L32" s="17">
        <v>71.570170000000005</v>
      </c>
      <c r="M32" s="17">
        <v>73.550330000000002</v>
      </c>
      <c r="N32" s="17">
        <v>73.090860000000006</v>
      </c>
      <c r="O32" s="17">
        <v>73.175089999999997</v>
      </c>
      <c r="P32" s="17">
        <v>75.399820000000005</v>
      </c>
      <c r="Q32" s="17">
        <v>77.310569999999998</v>
      </c>
      <c r="R32" s="17">
        <v>75.216449999999995</v>
      </c>
      <c r="S32" s="17">
        <v>67.730720000000005</v>
      </c>
      <c r="T32" s="17">
        <v>55.4754</v>
      </c>
      <c r="U32" s="17">
        <v>38.385260000000002</v>
      </c>
      <c r="V32" s="17">
        <v>19.397760000000002</v>
      </c>
      <c r="W32" s="17">
        <v>7.5030999999999999</v>
      </c>
      <c r="X32" s="17">
        <v>2.5461499999999999</v>
      </c>
      <c r="Y32" s="17">
        <v>0.4</v>
      </c>
      <c r="Z32" s="17">
        <v>59.255710000000001</v>
      </c>
      <c r="AA32" s="17">
        <v>50.741199999999999</v>
      </c>
      <c r="AB32" s="17">
        <v>34.840870000000002</v>
      </c>
      <c r="AC32" s="17">
        <v>13.568</v>
      </c>
      <c r="AD32" s="17">
        <v>65.646450000000002</v>
      </c>
    </row>
    <row r="33" spans="1:30" x14ac:dyDescent="0.15">
      <c r="A33" s="18" t="s">
        <v>196</v>
      </c>
      <c r="B33" s="18" t="s">
        <v>208</v>
      </c>
      <c r="C33" s="18" t="s">
        <v>153</v>
      </c>
      <c r="D33" s="18" t="s">
        <v>8</v>
      </c>
      <c r="E33" s="18" t="s">
        <v>4</v>
      </c>
      <c r="F33" s="18" t="s">
        <v>155</v>
      </c>
      <c r="G33" s="17">
        <v>16.51877</v>
      </c>
      <c r="H33" s="17">
        <v>0</v>
      </c>
      <c r="I33" s="17">
        <v>2.2780000000000002E-2</v>
      </c>
      <c r="J33" s="17">
        <v>5.7439999999999998E-2</v>
      </c>
      <c r="K33" s="17">
        <v>0.12703999999999999</v>
      </c>
      <c r="L33" s="17">
        <v>0.25012000000000001</v>
      </c>
      <c r="M33" s="17">
        <v>0.44843</v>
      </c>
      <c r="N33" s="17">
        <v>1.0014099999999999</v>
      </c>
      <c r="O33" s="17">
        <v>2.1802199999999998</v>
      </c>
      <c r="P33" s="17">
        <v>4.2031700000000001</v>
      </c>
      <c r="Q33" s="17">
        <v>7.2239500000000003</v>
      </c>
      <c r="R33" s="17">
        <v>12.323230000000001</v>
      </c>
      <c r="S33" s="17">
        <v>20.780950000000001</v>
      </c>
      <c r="T33" s="17">
        <v>35.774059999999999</v>
      </c>
      <c r="U33" s="17">
        <v>54.916269999999997</v>
      </c>
      <c r="V33" s="17">
        <v>75.326800000000006</v>
      </c>
      <c r="W33" s="17">
        <v>88.073580000000007</v>
      </c>
      <c r="X33" s="17">
        <v>94.398470000000003</v>
      </c>
      <c r="Y33" s="17">
        <v>98.4</v>
      </c>
      <c r="Z33" s="17">
        <v>1.7064999999999999</v>
      </c>
      <c r="AA33" s="17">
        <v>40.293939999999999</v>
      </c>
      <c r="AB33" s="17">
        <v>58.507219999999997</v>
      </c>
      <c r="AC33" s="17">
        <v>81.723249999999993</v>
      </c>
      <c r="AD33" s="17">
        <v>3.0783499999999999</v>
      </c>
    </row>
    <row r="34" spans="1:30" x14ac:dyDescent="0.15">
      <c r="A34" s="18" t="s">
        <v>196</v>
      </c>
      <c r="B34" s="18" t="s">
        <v>208</v>
      </c>
      <c r="C34" s="18" t="s">
        <v>153</v>
      </c>
      <c r="D34" s="18" t="s">
        <v>8</v>
      </c>
      <c r="E34" s="18" t="s">
        <v>4</v>
      </c>
      <c r="F34" s="18" t="s">
        <v>154</v>
      </c>
      <c r="G34" s="17">
        <v>6.4120499999999998</v>
      </c>
      <c r="H34" s="17">
        <v>2.1999999999999999E-2</v>
      </c>
      <c r="I34" s="17">
        <v>0.40998000000000001</v>
      </c>
      <c r="J34" s="17">
        <v>1.84972</v>
      </c>
      <c r="K34" s="17">
        <v>3.8534799999999998</v>
      </c>
      <c r="L34" s="17">
        <v>5.9101400000000002</v>
      </c>
      <c r="M34" s="17">
        <v>7.5150800000000002</v>
      </c>
      <c r="N34" s="17">
        <v>9.7192399999999992</v>
      </c>
      <c r="O34" s="17">
        <v>11.01272</v>
      </c>
      <c r="P34" s="17">
        <v>10.99413</v>
      </c>
      <c r="Q34" s="17">
        <v>9.2591000000000001</v>
      </c>
      <c r="R34" s="17">
        <v>8.4776299999999996</v>
      </c>
      <c r="S34" s="17">
        <v>7.7168200000000002</v>
      </c>
      <c r="T34" s="17">
        <v>5.8000299999999996</v>
      </c>
      <c r="U34" s="17">
        <v>4.1257400000000004</v>
      </c>
      <c r="V34" s="17">
        <v>3.0345499999999999</v>
      </c>
      <c r="W34" s="17">
        <v>2.0049600000000001</v>
      </c>
      <c r="X34" s="17">
        <v>1.71865</v>
      </c>
      <c r="Y34" s="17">
        <v>1.2</v>
      </c>
      <c r="Z34" s="17">
        <v>6.7697700000000003</v>
      </c>
      <c r="AA34" s="17">
        <v>5.8378800000000002</v>
      </c>
      <c r="AB34" s="17">
        <v>4.1027699999999996</v>
      </c>
      <c r="AC34" s="17">
        <v>2.5415399999999999</v>
      </c>
      <c r="AD34" s="17">
        <v>7.48672</v>
      </c>
    </row>
  </sheetData>
  <phoneticPr fontId="3"/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13"/>
  <sheetViews>
    <sheetView zoomScaleNormal="100" zoomScaleSheetLayoutView="100" workbookViewId="0">
      <selection activeCell="O5" sqref="O5"/>
    </sheetView>
  </sheetViews>
  <sheetFormatPr defaultRowHeight="24.75" customHeight="1" x14ac:dyDescent="0.15"/>
  <cols>
    <col min="1" max="1" width="12.375" style="1" bestFit="1" customWidth="1"/>
    <col min="2" max="16384" width="9" style="1"/>
  </cols>
  <sheetData>
    <row r="1" spans="1:11" ht="24.75" customHeight="1" x14ac:dyDescent="0.15">
      <c r="A1" s="20" t="s">
        <v>338</v>
      </c>
      <c r="B1" s="21"/>
      <c r="C1" s="21"/>
      <c r="D1" s="21"/>
      <c r="E1" s="21"/>
      <c r="F1" s="21"/>
      <c r="G1" s="21"/>
      <c r="H1" s="21"/>
      <c r="I1" s="21"/>
      <c r="J1" s="21"/>
      <c r="K1" s="21"/>
    </row>
    <row r="2" spans="1:11" ht="24.75" customHeight="1" x14ac:dyDescent="0.15">
      <c r="A2" s="2"/>
      <c r="B2" s="3"/>
      <c r="C2" s="3"/>
      <c r="D2" s="3"/>
      <c r="E2" s="3"/>
      <c r="F2" s="3"/>
      <c r="G2" s="3"/>
      <c r="H2" s="3"/>
      <c r="I2" s="3"/>
      <c r="J2" s="3"/>
      <c r="K2" s="3"/>
    </row>
    <row r="3" spans="1:11" ht="24.75" customHeight="1" x14ac:dyDescent="0.15">
      <c r="A3" s="4" t="s">
        <v>182</v>
      </c>
      <c r="B3" s="5"/>
      <c r="C3" s="3"/>
      <c r="D3" s="3"/>
      <c r="E3" s="3"/>
      <c r="F3" s="3"/>
      <c r="G3" s="3"/>
      <c r="H3" s="3"/>
      <c r="I3" s="3"/>
      <c r="J3" s="3"/>
      <c r="K3" s="3"/>
    </row>
    <row r="4" spans="1:11" ht="24.75" customHeight="1" x14ac:dyDescent="0.15">
      <c r="A4" s="6" t="s">
        <v>0</v>
      </c>
      <c r="B4" s="22" t="s">
        <v>1</v>
      </c>
      <c r="C4" s="22"/>
      <c r="D4" s="22"/>
      <c r="E4" s="22"/>
      <c r="F4" s="22"/>
      <c r="G4" s="22"/>
      <c r="H4" s="22"/>
      <c r="I4" s="22"/>
      <c r="J4" s="22"/>
      <c r="K4" s="22"/>
    </row>
    <row r="5" spans="1:11" ht="50.1" customHeight="1" x14ac:dyDescent="0.15">
      <c r="A5" s="7" t="s">
        <v>339</v>
      </c>
      <c r="B5" s="19" t="s">
        <v>340</v>
      </c>
      <c r="C5" s="19"/>
      <c r="D5" s="19"/>
      <c r="E5" s="19"/>
      <c r="F5" s="19"/>
      <c r="G5" s="19"/>
      <c r="H5" s="19"/>
      <c r="I5" s="19"/>
      <c r="J5" s="19"/>
      <c r="K5" s="19"/>
    </row>
    <row r="6" spans="1:11" ht="50.1" customHeight="1" x14ac:dyDescent="0.15">
      <c r="A6" s="8" t="s">
        <v>184</v>
      </c>
      <c r="B6" s="23" t="s">
        <v>341</v>
      </c>
      <c r="C6" s="23"/>
      <c r="D6" s="23"/>
      <c r="E6" s="23"/>
      <c r="F6" s="23"/>
      <c r="G6" s="23"/>
      <c r="H6" s="23"/>
      <c r="I6" s="23"/>
      <c r="J6" s="23"/>
      <c r="K6" s="23"/>
    </row>
    <row r="7" spans="1:11" ht="50.1" customHeight="1" x14ac:dyDescent="0.15">
      <c r="A7" s="7" t="s">
        <v>185</v>
      </c>
      <c r="B7" s="19" t="s">
        <v>333</v>
      </c>
      <c r="C7" s="19"/>
      <c r="D7" s="19"/>
      <c r="E7" s="19"/>
      <c r="F7" s="19"/>
      <c r="G7" s="19"/>
      <c r="H7" s="19"/>
      <c r="I7" s="19"/>
      <c r="J7" s="19"/>
      <c r="K7" s="19"/>
    </row>
    <row r="8" spans="1:11" ht="50.1" customHeight="1" x14ac:dyDescent="0.15">
      <c r="A8" s="7" t="s">
        <v>325</v>
      </c>
      <c r="B8" s="19" t="s">
        <v>342</v>
      </c>
      <c r="C8" s="19"/>
      <c r="D8" s="19"/>
      <c r="E8" s="19"/>
      <c r="F8" s="19"/>
      <c r="G8" s="19"/>
      <c r="H8" s="19"/>
      <c r="I8" s="19"/>
      <c r="J8" s="19"/>
      <c r="K8" s="19"/>
    </row>
    <row r="9" spans="1:11" ht="50.1" customHeight="1" x14ac:dyDescent="0.15">
      <c r="A9" s="7" t="s">
        <v>326</v>
      </c>
      <c r="B9" s="19" t="s">
        <v>343</v>
      </c>
      <c r="C9" s="19"/>
      <c r="D9" s="19"/>
      <c r="E9" s="19"/>
      <c r="F9" s="19"/>
      <c r="G9" s="19"/>
      <c r="H9" s="19"/>
      <c r="I9" s="19"/>
      <c r="J9" s="19"/>
      <c r="K9" s="19"/>
    </row>
    <row r="10" spans="1:11" ht="50.1" customHeight="1" x14ac:dyDescent="0.15">
      <c r="A10" s="7" t="s">
        <v>327</v>
      </c>
      <c r="B10" s="19" t="s">
        <v>344</v>
      </c>
      <c r="C10" s="19"/>
      <c r="D10" s="19"/>
      <c r="E10" s="19"/>
      <c r="F10" s="19"/>
      <c r="G10" s="19"/>
      <c r="H10" s="19"/>
      <c r="I10" s="19"/>
      <c r="J10" s="19"/>
      <c r="K10" s="19"/>
    </row>
    <row r="11" spans="1:11" ht="4.5" customHeight="1" x14ac:dyDescent="0.15">
      <c r="A11" s="9"/>
      <c r="B11" s="10"/>
      <c r="C11" s="10"/>
      <c r="D11" s="10"/>
      <c r="E11" s="10"/>
      <c r="F11" s="10"/>
      <c r="G11" s="10"/>
      <c r="H11" s="10"/>
      <c r="I11" s="10"/>
      <c r="J11" s="10"/>
      <c r="K11" s="10"/>
    </row>
    <row r="12" spans="1:11" ht="24.75" customHeight="1" x14ac:dyDescent="0.15">
      <c r="A12" s="1" t="s">
        <v>337</v>
      </c>
    </row>
    <row r="13" spans="1:11" ht="13.5" customHeight="1" x14ac:dyDescent="0.15">
      <c r="A13" s="1" t="s">
        <v>345</v>
      </c>
    </row>
  </sheetData>
  <mergeCells count="8">
    <mergeCell ref="B9:K9"/>
    <mergeCell ref="B10:K10"/>
    <mergeCell ref="A1:K1"/>
    <mergeCell ref="B4:K4"/>
    <mergeCell ref="B5:K5"/>
    <mergeCell ref="B6:K6"/>
    <mergeCell ref="B7:K7"/>
    <mergeCell ref="B8:K8"/>
  </mergeCells>
  <phoneticPr fontId="3"/>
  <pageMargins left="0.70866141732283472" right="0.70866141732283472" top="0.74803149606299213" bottom="0.74803149606299213" header="0.31496062992125984" footer="0.31496062992125984"/>
  <pageSetup paperSize="9" scale="87" fitToHeight="0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K16"/>
  <sheetViews>
    <sheetView zoomScaleNormal="100" workbookViewId="0">
      <pane xSplit="5" ySplit="10" topLeftCell="F11" activePane="bottomRight" state="frozen"/>
      <selection pane="topRight" activeCell="F1" sqref="F1"/>
      <selection pane="bottomLeft" activeCell="A11" sqref="A11"/>
      <selection pane="bottomRight" activeCell="D43" sqref="D43"/>
    </sheetView>
  </sheetViews>
  <sheetFormatPr defaultRowHeight="12" x14ac:dyDescent="0.15"/>
  <cols>
    <col min="1" max="2" width="12.625" style="11" customWidth="1"/>
    <col min="3" max="3" width="2.375" style="11" bestFit="1" customWidth="1"/>
    <col min="4" max="4" width="11.25" style="11" bestFit="1" customWidth="1"/>
    <col min="5" max="115" width="12.625" style="11" customWidth="1"/>
    <col min="116" max="16384" width="9" style="11"/>
  </cols>
  <sheetData>
    <row r="1" spans="1:115" x14ac:dyDescent="0.15">
      <c r="A1" s="11" t="s">
        <v>346</v>
      </c>
    </row>
    <row r="2" spans="1:115" x14ac:dyDescent="0.15">
      <c r="A2" s="11" t="s">
        <v>347</v>
      </c>
    </row>
    <row r="4" spans="1:115" hidden="1" x14ac:dyDescent="0.15"/>
    <row r="5" spans="1:115" collapsed="1" x14ac:dyDescent="0.15">
      <c r="F5" s="12" t="s">
        <v>7</v>
      </c>
      <c r="G5" s="12" t="s">
        <v>7</v>
      </c>
      <c r="H5" s="12" t="s">
        <v>7</v>
      </c>
      <c r="I5" s="12" t="s">
        <v>7</v>
      </c>
      <c r="J5" s="12" t="s">
        <v>7</v>
      </c>
      <c r="K5" s="12" t="s">
        <v>7</v>
      </c>
      <c r="L5" s="12" t="s">
        <v>7</v>
      </c>
      <c r="M5" s="12" t="s">
        <v>7</v>
      </c>
      <c r="N5" s="12" t="s">
        <v>7</v>
      </c>
      <c r="O5" s="12" t="s">
        <v>7</v>
      </c>
      <c r="P5" s="12" t="s">
        <v>7</v>
      </c>
      <c r="Q5" s="12" t="s">
        <v>7</v>
      </c>
      <c r="R5" s="12" t="s">
        <v>7</v>
      </c>
      <c r="S5" s="12" t="s">
        <v>7</v>
      </c>
      <c r="T5" s="12" t="s">
        <v>7</v>
      </c>
      <c r="U5" s="12" t="s">
        <v>7</v>
      </c>
      <c r="V5" s="12" t="s">
        <v>7</v>
      </c>
      <c r="W5" s="12" t="s">
        <v>7</v>
      </c>
      <c r="X5" s="12" t="s">
        <v>7</v>
      </c>
      <c r="Y5" s="12" t="s">
        <v>7</v>
      </c>
      <c r="Z5" s="12" t="s">
        <v>7</v>
      </c>
      <c r="AA5" s="12" t="s">
        <v>7</v>
      </c>
      <c r="AB5" s="12" t="s">
        <v>7</v>
      </c>
      <c r="AC5" s="12" t="s">
        <v>7</v>
      </c>
      <c r="AD5" s="12" t="s">
        <v>7</v>
      </c>
      <c r="AE5" s="12" t="s">
        <v>7</v>
      </c>
      <c r="AF5" s="12" t="s">
        <v>7</v>
      </c>
      <c r="AG5" s="12" t="s">
        <v>7</v>
      </c>
      <c r="AH5" s="12" t="s">
        <v>7</v>
      </c>
      <c r="AI5" s="12" t="s">
        <v>7</v>
      </c>
      <c r="AJ5" s="12" t="s">
        <v>7</v>
      </c>
      <c r="AK5" s="12" t="s">
        <v>7</v>
      </c>
      <c r="AL5" s="12" t="s">
        <v>7</v>
      </c>
      <c r="AM5" s="12" t="s">
        <v>7</v>
      </c>
      <c r="AN5" s="12" t="s">
        <v>7</v>
      </c>
      <c r="AO5" s="12" t="s">
        <v>7</v>
      </c>
      <c r="AP5" s="12" t="s">
        <v>7</v>
      </c>
      <c r="AQ5" s="12" t="s">
        <v>7</v>
      </c>
      <c r="AR5" s="12" t="s">
        <v>7</v>
      </c>
      <c r="AS5" s="12" t="s">
        <v>7</v>
      </c>
      <c r="AT5" s="12" t="s">
        <v>7</v>
      </c>
      <c r="AU5" s="12" t="s">
        <v>7</v>
      </c>
      <c r="AV5" s="12" t="s">
        <v>7</v>
      </c>
      <c r="AW5" s="12" t="s">
        <v>7</v>
      </c>
      <c r="AX5" s="12" t="s">
        <v>7</v>
      </c>
      <c r="AY5" s="12" t="s">
        <v>7</v>
      </c>
      <c r="AZ5" s="12" t="s">
        <v>7</v>
      </c>
      <c r="BA5" s="12" t="s">
        <v>7</v>
      </c>
      <c r="BB5" s="12" t="s">
        <v>7</v>
      </c>
      <c r="BC5" s="12" t="s">
        <v>7</v>
      </c>
      <c r="BD5" s="12" t="s">
        <v>7</v>
      </c>
      <c r="BE5" s="12" t="s">
        <v>7</v>
      </c>
      <c r="BF5" s="12" t="s">
        <v>7</v>
      </c>
      <c r="BG5" s="12" t="s">
        <v>7</v>
      </c>
      <c r="BH5" s="12" t="s">
        <v>7</v>
      </c>
      <c r="BI5" s="12" t="s">
        <v>7</v>
      </c>
      <c r="BJ5" s="12" t="s">
        <v>7</v>
      </c>
      <c r="BK5" s="12" t="s">
        <v>7</v>
      </c>
      <c r="BL5" s="12" t="s">
        <v>7</v>
      </c>
      <c r="BM5" s="12" t="s">
        <v>7</v>
      </c>
      <c r="BN5" s="12" t="s">
        <v>7</v>
      </c>
      <c r="BO5" s="12" t="s">
        <v>7</v>
      </c>
      <c r="BP5" s="12" t="s">
        <v>7</v>
      </c>
      <c r="BQ5" s="12" t="s">
        <v>7</v>
      </c>
      <c r="BR5" s="12" t="s">
        <v>7</v>
      </c>
      <c r="BS5" s="12" t="s">
        <v>7</v>
      </c>
      <c r="BT5" s="12" t="s">
        <v>7</v>
      </c>
      <c r="BU5" s="12" t="s">
        <v>7</v>
      </c>
      <c r="BV5" s="12" t="s">
        <v>7</v>
      </c>
      <c r="BW5" s="12" t="s">
        <v>7</v>
      </c>
      <c r="BX5" s="12" t="s">
        <v>7</v>
      </c>
      <c r="BY5" s="12" t="s">
        <v>7</v>
      </c>
      <c r="BZ5" s="12" t="s">
        <v>7</v>
      </c>
      <c r="CA5" s="12" t="s">
        <v>7</v>
      </c>
      <c r="CB5" s="12" t="s">
        <v>7</v>
      </c>
      <c r="CC5" s="12" t="s">
        <v>7</v>
      </c>
      <c r="CD5" s="12" t="s">
        <v>7</v>
      </c>
      <c r="CE5" s="12" t="s">
        <v>7</v>
      </c>
      <c r="CF5" s="12" t="s">
        <v>7</v>
      </c>
      <c r="CG5" s="12" t="s">
        <v>7</v>
      </c>
      <c r="CH5" s="12" t="s">
        <v>7</v>
      </c>
      <c r="CI5" s="12" t="s">
        <v>7</v>
      </c>
      <c r="CJ5" s="12" t="s">
        <v>7</v>
      </c>
      <c r="CK5" s="12" t="s">
        <v>7</v>
      </c>
      <c r="CL5" s="12" t="s">
        <v>7</v>
      </c>
      <c r="CM5" s="12" t="s">
        <v>7</v>
      </c>
      <c r="CN5" s="12" t="s">
        <v>7</v>
      </c>
      <c r="CO5" s="12" t="s">
        <v>7</v>
      </c>
      <c r="CP5" s="12" t="s">
        <v>7</v>
      </c>
      <c r="CQ5" s="12" t="s">
        <v>7</v>
      </c>
      <c r="CR5" s="12" t="s">
        <v>7</v>
      </c>
      <c r="CS5" s="12" t="s">
        <v>7</v>
      </c>
      <c r="CT5" s="12" t="s">
        <v>7</v>
      </c>
      <c r="CU5" s="12" t="s">
        <v>7</v>
      </c>
      <c r="CV5" s="12" t="s">
        <v>7</v>
      </c>
      <c r="CW5" s="12" t="s">
        <v>7</v>
      </c>
      <c r="CX5" s="12" t="s">
        <v>7</v>
      </c>
      <c r="CY5" s="12" t="s">
        <v>7</v>
      </c>
      <c r="CZ5" s="12" t="s">
        <v>7</v>
      </c>
      <c r="DA5" s="12" t="s">
        <v>7</v>
      </c>
      <c r="DB5" s="12" t="s">
        <v>7</v>
      </c>
      <c r="DC5" s="12" t="s">
        <v>7</v>
      </c>
      <c r="DD5" s="12" t="s">
        <v>7</v>
      </c>
      <c r="DE5" s="12" t="s">
        <v>7</v>
      </c>
      <c r="DF5" s="12" t="s">
        <v>7</v>
      </c>
      <c r="DG5" s="12" t="s">
        <v>7</v>
      </c>
      <c r="DH5" s="12" t="s">
        <v>7</v>
      </c>
      <c r="DI5" s="12" t="s">
        <v>7</v>
      </c>
      <c r="DJ5" s="12" t="s">
        <v>121</v>
      </c>
      <c r="DK5" s="12" t="s">
        <v>120</v>
      </c>
    </row>
    <row r="6" spans="1:115" x14ac:dyDescent="0.15">
      <c r="F6" s="12" t="s">
        <v>119</v>
      </c>
      <c r="G6" s="12" t="s">
        <v>119</v>
      </c>
      <c r="H6" s="12" t="s">
        <v>119</v>
      </c>
      <c r="I6" s="12" t="s">
        <v>119</v>
      </c>
      <c r="J6" s="12" t="s">
        <v>119</v>
      </c>
      <c r="K6" s="12" t="s">
        <v>119</v>
      </c>
      <c r="L6" s="12" t="s">
        <v>119</v>
      </c>
      <c r="M6" s="12" t="s">
        <v>119</v>
      </c>
      <c r="N6" s="12" t="s">
        <v>119</v>
      </c>
      <c r="O6" s="12" t="s">
        <v>119</v>
      </c>
      <c r="P6" s="12" t="s">
        <v>119</v>
      </c>
      <c r="Q6" s="12" t="s">
        <v>119</v>
      </c>
      <c r="R6" s="12" t="s">
        <v>119</v>
      </c>
      <c r="S6" s="12" t="s">
        <v>119</v>
      </c>
      <c r="T6" s="12" t="s">
        <v>119</v>
      </c>
      <c r="U6" s="12" t="s">
        <v>119</v>
      </c>
      <c r="V6" s="12" t="s">
        <v>119</v>
      </c>
      <c r="W6" s="12" t="s">
        <v>119</v>
      </c>
      <c r="X6" s="12" t="s">
        <v>119</v>
      </c>
      <c r="Y6" s="12" t="s">
        <v>119</v>
      </c>
      <c r="Z6" s="12" t="s">
        <v>119</v>
      </c>
      <c r="AA6" s="12" t="s">
        <v>119</v>
      </c>
      <c r="AB6" s="12" t="s">
        <v>119</v>
      </c>
      <c r="AC6" s="12" t="s">
        <v>119</v>
      </c>
      <c r="AD6" s="12" t="s">
        <v>119</v>
      </c>
      <c r="AE6" s="12" t="s">
        <v>119</v>
      </c>
      <c r="AF6" s="12" t="s">
        <v>119</v>
      </c>
      <c r="AG6" s="12" t="s">
        <v>119</v>
      </c>
      <c r="AH6" s="12" t="s">
        <v>119</v>
      </c>
      <c r="AI6" s="12" t="s">
        <v>119</v>
      </c>
      <c r="AJ6" s="12" t="s">
        <v>119</v>
      </c>
      <c r="AK6" s="12" t="s">
        <v>119</v>
      </c>
      <c r="AL6" s="12" t="s">
        <v>119</v>
      </c>
      <c r="AM6" s="12" t="s">
        <v>119</v>
      </c>
      <c r="AN6" s="12" t="s">
        <v>119</v>
      </c>
      <c r="AO6" s="12" t="s">
        <v>119</v>
      </c>
      <c r="AP6" s="12" t="s">
        <v>119</v>
      </c>
      <c r="AQ6" s="12" t="s">
        <v>119</v>
      </c>
      <c r="AR6" s="12" t="s">
        <v>119</v>
      </c>
      <c r="AS6" s="12" t="s">
        <v>119</v>
      </c>
      <c r="AT6" s="12" t="s">
        <v>119</v>
      </c>
      <c r="AU6" s="12" t="s">
        <v>119</v>
      </c>
      <c r="AV6" s="12" t="s">
        <v>119</v>
      </c>
      <c r="AW6" s="12" t="s">
        <v>119</v>
      </c>
      <c r="AX6" s="12" t="s">
        <v>119</v>
      </c>
      <c r="AY6" s="12" t="s">
        <v>119</v>
      </c>
      <c r="AZ6" s="12" t="s">
        <v>119</v>
      </c>
      <c r="BA6" s="12" t="s">
        <v>119</v>
      </c>
      <c r="BB6" s="12" t="s">
        <v>119</v>
      </c>
      <c r="BC6" s="12" t="s">
        <v>119</v>
      </c>
      <c r="BD6" s="12" t="s">
        <v>119</v>
      </c>
      <c r="BE6" s="12" t="s">
        <v>119</v>
      </c>
      <c r="BF6" s="12" t="s">
        <v>119</v>
      </c>
      <c r="BG6" s="12" t="s">
        <v>119</v>
      </c>
      <c r="BH6" s="12" t="s">
        <v>119</v>
      </c>
      <c r="BI6" s="12" t="s">
        <v>119</v>
      </c>
      <c r="BJ6" s="12" t="s">
        <v>119</v>
      </c>
      <c r="BK6" s="12" t="s">
        <v>119</v>
      </c>
      <c r="BL6" s="12" t="s">
        <v>119</v>
      </c>
      <c r="BM6" s="12" t="s">
        <v>119</v>
      </c>
      <c r="BN6" s="12" t="s">
        <v>119</v>
      </c>
      <c r="BO6" s="12" t="s">
        <v>119</v>
      </c>
      <c r="BP6" s="12" t="s">
        <v>119</v>
      </c>
      <c r="BQ6" s="12" t="s">
        <v>119</v>
      </c>
      <c r="BR6" s="12" t="s">
        <v>119</v>
      </c>
      <c r="BS6" s="12" t="s">
        <v>119</v>
      </c>
      <c r="BT6" s="12" t="s">
        <v>119</v>
      </c>
      <c r="BU6" s="12" t="s">
        <v>119</v>
      </c>
      <c r="BV6" s="12" t="s">
        <v>119</v>
      </c>
      <c r="BW6" s="12" t="s">
        <v>119</v>
      </c>
      <c r="BX6" s="12" t="s">
        <v>119</v>
      </c>
      <c r="BY6" s="12" t="s">
        <v>119</v>
      </c>
      <c r="BZ6" s="12" t="s">
        <v>119</v>
      </c>
      <c r="CA6" s="12" t="s">
        <v>119</v>
      </c>
      <c r="CB6" s="12" t="s">
        <v>119</v>
      </c>
      <c r="CC6" s="12" t="s">
        <v>119</v>
      </c>
      <c r="CD6" s="12" t="s">
        <v>119</v>
      </c>
      <c r="CE6" s="12" t="s">
        <v>119</v>
      </c>
      <c r="CF6" s="12" t="s">
        <v>119</v>
      </c>
      <c r="CG6" s="12" t="s">
        <v>119</v>
      </c>
      <c r="CH6" s="12" t="s">
        <v>119</v>
      </c>
      <c r="CI6" s="12" t="s">
        <v>119</v>
      </c>
      <c r="CJ6" s="12" t="s">
        <v>119</v>
      </c>
      <c r="CK6" s="12" t="s">
        <v>119</v>
      </c>
      <c r="CL6" s="12" t="s">
        <v>119</v>
      </c>
      <c r="CM6" s="12" t="s">
        <v>119</v>
      </c>
      <c r="CN6" s="12" t="s">
        <v>119</v>
      </c>
      <c r="CO6" s="12" t="s">
        <v>119</v>
      </c>
      <c r="CP6" s="12" t="s">
        <v>119</v>
      </c>
      <c r="CQ6" s="12" t="s">
        <v>119</v>
      </c>
      <c r="CR6" s="12" t="s">
        <v>119</v>
      </c>
      <c r="CS6" s="12" t="s">
        <v>119</v>
      </c>
      <c r="CT6" s="12" t="s">
        <v>119</v>
      </c>
      <c r="CU6" s="12" t="s">
        <v>119</v>
      </c>
      <c r="CV6" s="12" t="s">
        <v>119</v>
      </c>
      <c r="CW6" s="12" t="s">
        <v>119</v>
      </c>
      <c r="CX6" s="12" t="s">
        <v>119</v>
      </c>
      <c r="CY6" s="12" t="s">
        <v>119</v>
      </c>
      <c r="CZ6" s="12" t="s">
        <v>119</v>
      </c>
      <c r="DA6" s="12" t="s">
        <v>119</v>
      </c>
      <c r="DB6" s="12" t="s">
        <v>119</v>
      </c>
      <c r="DC6" s="12" t="s">
        <v>119</v>
      </c>
      <c r="DD6" s="12" t="s">
        <v>119</v>
      </c>
      <c r="DE6" s="12" t="s">
        <v>119</v>
      </c>
      <c r="DF6" s="12" t="s">
        <v>119</v>
      </c>
      <c r="DG6" s="12" t="s">
        <v>119</v>
      </c>
      <c r="DH6" s="12" t="s">
        <v>119</v>
      </c>
      <c r="DI6" s="12" t="s">
        <v>119</v>
      </c>
      <c r="DJ6" s="12"/>
      <c r="DK6" s="12"/>
    </row>
    <row r="7" spans="1:115" x14ac:dyDescent="0.15">
      <c r="F7" s="12" t="s">
        <v>187</v>
      </c>
      <c r="G7" s="12" t="s">
        <v>187</v>
      </c>
      <c r="H7" s="12" t="s">
        <v>187</v>
      </c>
      <c r="I7" s="12" t="s">
        <v>187</v>
      </c>
      <c r="J7" s="12" t="s">
        <v>348</v>
      </c>
      <c r="K7" s="12" t="s">
        <v>348</v>
      </c>
      <c r="L7" s="12" t="s">
        <v>187</v>
      </c>
      <c r="M7" s="12" t="s">
        <v>187</v>
      </c>
      <c r="N7" s="12" t="s">
        <v>348</v>
      </c>
      <c r="O7" s="12" t="s">
        <v>187</v>
      </c>
      <c r="P7" s="12" t="s">
        <v>187</v>
      </c>
      <c r="Q7" s="12" t="s">
        <v>187</v>
      </c>
      <c r="R7" s="12" t="s">
        <v>187</v>
      </c>
      <c r="S7" s="12" t="s">
        <v>187</v>
      </c>
      <c r="T7" s="12" t="s">
        <v>187</v>
      </c>
      <c r="U7" s="12" t="s">
        <v>187</v>
      </c>
      <c r="V7" s="12" t="s">
        <v>348</v>
      </c>
      <c r="W7" s="12" t="s">
        <v>187</v>
      </c>
      <c r="X7" s="12" t="s">
        <v>187</v>
      </c>
      <c r="Y7" s="12" t="s">
        <v>187</v>
      </c>
      <c r="Z7" s="12" t="s">
        <v>348</v>
      </c>
      <c r="AA7" s="12" t="s">
        <v>187</v>
      </c>
      <c r="AB7" s="12" t="s">
        <v>187</v>
      </c>
      <c r="AC7" s="12" t="s">
        <v>187</v>
      </c>
      <c r="AD7" s="12" t="s">
        <v>187</v>
      </c>
      <c r="AE7" s="12" t="s">
        <v>187</v>
      </c>
      <c r="AF7" s="12" t="s">
        <v>187</v>
      </c>
      <c r="AG7" s="12" t="s">
        <v>187</v>
      </c>
      <c r="AH7" s="12" t="s">
        <v>187</v>
      </c>
      <c r="AI7" s="12" t="s">
        <v>187</v>
      </c>
      <c r="AJ7" s="12" t="s">
        <v>187</v>
      </c>
      <c r="AK7" s="12" t="s">
        <v>187</v>
      </c>
      <c r="AL7" s="12" t="s">
        <v>187</v>
      </c>
      <c r="AM7" s="12" t="s">
        <v>187</v>
      </c>
      <c r="AN7" s="12" t="s">
        <v>187</v>
      </c>
      <c r="AO7" s="12" t="s">
        <v>187</v>
      </c>
      <c r="AP7" s="12" t="s">
        <v>187</v>
      </c>
      <c r="AQ7" s="12" t="s">
        <v>187</v>
      </c>
      <c r="AR7" s="12" t="s">
        <v>187</v>
      </c>
      <c r="AS7" s="12" t="s">
        <v>187</v>
      </c>
      <c r="AT7" s="12" t="s">
        <v>187</v>
      </c>
      <c r="AU7" s="12" t="s">
        <v>187</v>
      </c>
      <c r="AV7" s="12" t="s">
        <v>187</v>
      </c>
      <c r="AW7" s="12" t="s">
        <v>187</v>
      </c>
      <c r="AX7" s="12" t="s">
        <v>187</v>
      </c>
      <c r="AY7" s="12" t="s">
        <v>187</v>
      </c>
      <c r="AZ7" s="12" t="s">
        <v>348</v>
      </c>
      <c r="BA7" s="12" t="s">
        <v>348</v>
      </c>
      <c r="BB7" s="12" t="s">
        <v>187</v>
      </c>
      <c r="BC7" s="12" t="s">
        <v>348</v>
      </c>
      <c r="BD7" s="12" t="s">
        <v>348</v>
      </c>
      <c r="BE7" s="12" t="s">
        <v>348</v>
      </c>
      <c r="BF7" s="12" t="s">
        <v>348</v>
      </c>
      <c r="BG7" s="12" t="s">
        <v>187</v>
      </c>
      <c r="BH7" s="12" t="s">
        <v>348</v>
      </c>
      <c r="BI7" s="12" t="s">
        <v>187</v>
      </c>
      <c r="BJ7" s="12" t="s">
        <v>187</v>
      </c>
      <c r="BK7" s="12" t="s">
        <v>187</v>
      </c>
      <c r="BL7" s="12" t="s">
        <v>187</v>
      </c>
      <c r="BM7" s="12" t="s">
        <v>187</v>
      </c>
      <c r="BN7" s="12" t="s">
        <v>187</v>
      </c>
      <c r="BO7" s="12" t="s">
        <v>348</v>
      </c>
      <c r="BP7" s="12" t="s">
        <v>187</v>
      </c>
      <c r="BQ7" s="12" t="s">
        <v>187</v>
      </c>
      <c r="BR7" s="12" t="s">
        <v>187</v>
      </c>
      <c r="BS7" s="12" t="s">
        <v>187</v>
      </c>
      <c r="BT7" s="12" t="s">
        <v>187</v>
      </c>
      <c r="BU7" s="12" t="s">
        <v>348</v>
      </c>
      <c r="BV7" s="12" t="s">
        <v>187</v>
      </c>
      <c r="BW7" s="12" t="s">
        <v>348</v>
      </c>
      <c r="BX7" s="12" t="s">
        <v>187</v>
      </c>
      <c r="BY7" s="12" t="s">
        <v>187</v>
      </c>
      <c r="BZ7" s="12" t="s">
        <v>348</v>
      </c>
      <c r="CA7" s="12" t="s">
        <v>187</v>
      </c>
      <c r="CB7" s="12" t="s">
        <v>187</v>
      </c>
      <c r="CC7" s="12" t="s">
        <v>187</v>
      </c>
      <c r="CD7" s="12" t="s">
        <v>187</v>
      </c>
      <c r="CE7" s="12" t="s">
        <v>187</v>
      </c>
      <c r="CF7" s="12" t="s">
        <v>187</v>
      </c>
      <c r="CG7" s="12" t="s">
        <v>348</v>
      </c>
      <c r="CH7" s="12" t="s">
        <v>187</v>
      </c>
      <c r="CI7" s="12" t="s">
        <v>187</v>
      </c>
      <c r="CJ7" s="12" t="s">
        <v>187</v>
      </c>
      <c r="CK7" s="12" t="s">
        <v>187</v>
      </c>
      <c r="CL7" s="12" t="s">
        <v>187</v>
      </c>
      <c r="CM7" s="12" t="s">
        <v>348</v>
      </c>
      <c r="CN7" s="12" t="s">
        <v>187</v>
      </c>
      <c r="CO7" s="12" t="s">
        <v>348</v>
      </c>
      <c r="CP7" s="12" t="s">
        <v>187</v>
      </c>
      <c r="CQ7" s="12" t="s">
        <v>187</v>
      </c>
      <c r="CR7" s="12" t="s">
        <v>348</v>
      </c>
      <c r="CS7" s="12" t="s">
        <v>187</v>
      </c>
      <c r="CT7" s="12" t="s">
        <v>187</v>
      </c>
      <c r="CU7" s="12" t="s">
        <v>187</v>
      </c>
      <c r="CV7" s="12" t="s">
        <v>187</v>
      </c>
      <c r="CW7" s="12" t="s">
        <v>187</v>
      </c>
      <c r="CX7" s="12" t="s">
        <v>187</v>
      </c>
      <c r="CY7" s="12" t="s">
        <v>348</v>
      </c>
      <c r="CZ7" s="12" t="s">
        <v>187</v>
      </c>
      <c r="DA7" s="12" t="s">
        <v>187</v>
      </c>
      <c r="DB7" s="12" t="s">
        <v>187</v>
      </c>
      <c r="DC7" s="12" t="s">
        <v>187</v>
      </c>
      <c r="DD7" s="12" t="s">
        <v>187</v>
      </c>
      <c r="DE7" s="12" t="s">
        <v>187</v>
      </c>
      <c r="DF7" s="12" t="s">
        <v>187</v>
      </c>
      <c r="DG7" s="12" t="s">
        <v>348</v>
      </c>
      <c r="DH7" s="12" t="s">
        <v>187</v>
      </c>
      <c r="DI7" s="12" t="s">
        <v>187</v>
      </c>
      <c r="DJ7" s="12"/>
      <c r="DK7" s="12"/>
    </row>
    <row r="8" spans="1:115" ht="24" x14ac:dyDescent="0.15">
      <c r="F8" s="12" t="s">
        <v>118</v>
      </c>
      <c r="G8" s="12" t="s">
        <v>117</v>
      </c>
      <c r="H8" s="12" t="s">
        <v>116</v>
      </c>
      <c r="I8" s="12" t="s">
        <v>115</v>
      </c>
      <c r="J8" s="12" t="s">
        <v>114</v>
      </c>
      <c r="K8" s="12" t="s">
        <v>113</v>
      </c>
      <c r="L8" s="12" t="s">
        <v>112</v>
      </c>
      <c r="M8" s="12" t="s">
        <v>111</v>
      </c>
      <c r="N8" s="12" t="s">
        <v>110</v>
      </c>
      <c r="O8" s="12" t="s">
        <v>109</v>
      </c>
      <c r="P8" s="12" t="s">
        <v>108</v>
      </c>
      <c r="Q8" s="12" t="s">
        <v>107</v>
      </c>
      <c r="R8" s="12" t="s">
        <v>106</v>
      </c>
      <c r="S8" s="12" t="s">
        <v>105</v>
      </c>
      <c r="T8" s="12" t="s">
        <v>104</v>
      </c>
      <c r="U8" s="12" t="s">
        <v>103</v>
      </c>
      <c r="V8" s="12" t="s">
        <v>102</v>
      </c>
      <c r="W8" s="12" t="s">
        <v>101</v>
      </c>
      <c r="X8" s="12" t="s">
        <v>100</v>
      </c>
      <c r="Y8" s="12" t="s">
        <v>99</v>
      </c>
      <c r="Z8" s="12" t="s">
        <v>98</v>
      </c>
      <c r="AA8" s="12" t="s">
        <v>97</v>
      </c>
      <c r="AB8" s="12" t="s">
        <v>96</v>
      </c>
      <c r="AC8" s="12" t="s">
        <v>95</v>
      </c>
      <c r="AD8" s="12" t="s">
        <v>94</v>
      </c>
      <c r="AE8" s="12" t="s">
        <v>93</v>
      </c>
      <c r="AF8" s="12" t="s">
        <v>92</v>
      </c>
      <c r="AG8" s="12" t="s">
        <v>91</v>
      </c>
      <c r="AH8" s="12" t="s">
        <v>90</v>
      </c>
      <c r="AI8" s="12" t="s">
        <v>89</v>
      </c>
      <c r="AJ8" s="12" t="s">
        <v>88</v>
      </c>
      <c r="AK8" s="12" t="s">
        <v>87</v>
      </c>
      <c r="AL8" s="12" t="s">
        <v>86</v>
      </c>
      <c r="AM8" s="12" t="s">
        <v>85</v>
      </c>
      <c r="AN8" s="12" t="s">
        <v>84</v>
      </c>
      <c r="AO8" s="12" t="s">
        <v>83</v>
      </c>
      <c r="AP8" s="12" t="s">
        <v>82</v>
      </c>
      <c r="AQ8" s="12" t="s">
        <v>81</v>
      </c>
      <c r="AR8" s="12" t="s">
        <v>80</v>
      </c>
      <c r="AS8" s="12" t="s">
        <v>79</v>
      </c>
      <c r="AT8" s="12" t="s">
        <v>78</v>
      </c>
      <c r="AU8" s="12" t="s">
        <v>77</v>
      </c>
      <c r="AV8" s="12" t="s">
        <v>76</v>
      </c>
      <c r="AW8" s="12" t="s">
        <v>75</v>
      </c>
      <c r="AX8" s="12" t="s">
        <v>74</v>
      </c>
      <c r="AY8" s="12" t="s">
        <v>73</v>
      </c>
      <c r="AZ8" s="12" t="s">
        <v>72</v>
      </c>
      <c r="BA8" s="12" t="s">
        <v>71</v>
      </c>
      <c r="BB8" s="12" t="s">
        <v>70</v>
      </c>
      <c r="BC8" s="12" t="s">
        <v>69</v>
      </c>
      <c r="BD8" s="12" t="s">
        <v>68</v>
      </c>
      <c r="BE8" s="12" t="s">
        <v>67</v>
      </c>
      <c r="BF8" s="12" t="s">
        <v>66</v>
      </c>
      <c r="BG8" s="12" t="s">
        <v>65</v>
      </c>
      <c r="BH8" s="12" t="s">
        <v>64</v>
      </c>
      <c r="BI8" s="12" t="s">
        <v>63</v>
      </c>
      <c r="BJ8" s="12" t="s">
        <v>62</v>
      </c>
      <c r="BK8" s="12" t="s">
        <v>61</v>
      </c>
      <c r="BL8" s="12" t="s">
        <v>60</v>
      </c>
      <c r="BM8" s="12" t="s">
        <v>59</v>
      </c>
      <c r="BN8" s="12" t="s">
        <v>58</v>
      </c>
      <c r="BO8" s="12" t="s">
        <v>57</v>
      </c>
      <c r="BP8" s="12" t="s">
        <v>56</v>
      </c>
      <c r="BQ8" s="12" t="s">
        <v>55</v>
      </c>
      <c r="BR8" s="12" t="s">
        <v>54</v>
      </c>
      <c r="BS8" s="12" t="s">
        <v>53</v>
      </c>
      <c r="BT8" s="12" t="s">
        <v>52</v>
      </c>
      <c r="BU8" s="12" t="s">
        <v>51</v>
      </c>
      <c r="BV8" s="12" t="s">
        <v>50</v>
      </c>
      <c r="BW8" s="12" t="s">
        <v>49</v>
      </c>
      <c r="BX8" s="12" t="s">
        <v>48</v>
      </c>
      <c r="BY8" s="12" t="s">
        <v>47</v>
      </c>
      <c r="BZ8" s="12" t="s">
        <v>46</v>
      </c>
      <c r="CA8" s="12" t="s">
        <v>45</v>
      </c>
      <c r="CB8" s="12" t="s">
        <v>44</v>
      </c>
      <c r="CC8" s="12" t="s">
        <v>43</v>
      </c>
      <c r="CD8" s="12" t="s">
        <v>42</v>
      </c>
      <c r="CE8" s="12" t="s">
        <v>41</v>
      </c>
      <c r="CF8" s="12" t="s">
        <v>40</v>
      </c>
      <c r="CG8" s="12" t="s">
        <v>39</v>
      </c>
      <c r="CH8" s="12" t="s">
        <v>38</v>
      </c>
      <c r="CI8" s="12" t="s">
        <v>37</v>
      </c>
      <c r="CJ8" s="12" t="s">
        <v>36</v>
      </c>
      <c r="CK8" s="12" t="s">
        <v>35</v>
      </c>
      <c r="CL8" s="12" t="s">
        <v>34</v>
      </c>
      <c r="CM8" s="12" t="s">
        <v>33</v>
      </c>
      <c r="CN8" s="12" t="s">
        <v>32</v>
      </c>
      <c r="CO8" s="12" t="s">
        <v>31</v>
      </c>
      <c r="CP8" s="12" t="s">
        <v>30</v>
      </c>
      <c r="CQ8" s="12" t="s">
        <v>29</v>
      </c>
      <c r="CR8" s="12" t="s">
        <v>28</v>
      </c>
      <c r="CS8" s="12" t="s">
        <v>27</v>
      </c>
      <c r="CT8" s="12" t="s">
        <v>26</v>
      </c>
      <c r="CU8" s="12" t="s">
        <v>25</v>
      </c>
      <c r="CV8" s="12" t="s">
        <v>24</v>
      </c>
      <c r="CW8" s="12" t="s">
        <v>23</v>
      </c>
      <c r="CX8" s="12" t="s">
        <v>22</v>
      </c>
      <c r="CY8" s="12" t="s">
        <v>21</v>
      </c>
      <c r="CZ8" s="12" t="s">
        <v>20</v>
      </c>
      <c r="DA8" s="12" t="s">
        <v>19</v>
      </c>
      <c r="DB8" s="12" t="s">
        <v>18</v>
      </c>
      <c r="DC8" s="12" t="s">
        <v>17</v>
      </c>
      <c r="DD8" s="12" t="s">
        <v>16</v>
      </c>
      <c r="DE8" s="12" t="s">
        <v>15</v>
      </c>
      <c r="DF8" s="12" t="s">
        <v>14</v>
      </c>
      <c r="DG8" s="12" t="s">
        <v>13</v>
      </c>
      <c r="DH8" s="12" t="s">
        <v>12</v>
      </c>
      <c r="DI8" s="12" t="s">
        <v>11</v>
      </c>
      <c r="DJ8" s="12"/>
      <c r="DK8" s="12"/>
    </row>
    <row r="9" spans="1:115" x14ac:dyDescent="0.15">
      <c r="F9" s="13" t="s">
        <v>188</v>
      </c>
      <c r="G9" s="13" t="s">
        <v>188</v>
      </c>
      <c r="H9" s="13" t="s">
        <v>188</v>
      </c>
      <c r="I9" s="13" t="s">
        <v>349</v>
      </c>
      <c r="J9" s="13" t="s">
        <v>188</v>
      </c>
      <c r="K9" s="13" t="s">
        <v>188</v>
      </c>
      <c r="L9" s="13" t="s">
        <v>349</v>
      </c>
      <c r="M9" s="13" t="s">
        <v>349</v>
      </c>
      <c r="N9" s="13" t="s">
        <v>188</v>
      </c>
      <c r="O9" s="13" t="s">
        <v>188</v>
      </c>
      <c r="P9" s="13" t="s">
        <v>188</v>
      </c>
      <c r="Q9" s="13" t="s">
        <v>188</v>
      </c>
      <c r="R9" s="13" t="s">
        <v>188</v>
      </c>
      <c r="S9" s="13" t="s">
        <v>349</v>
      </c>
      <c r="T9" s="13" t="s">
        <v>349</v>
      </c>
      <c r="U9" s="13" t="s">
        <v>188</v>
      </c>
      <c r="V9" s="13" t="s">
        <v>349</v>
      </c>
      <c r="W9" s="13" t="s">
        <v>188</v>
      </c>
      <c r="X9" s="13" t="s">
        <v>349</v>
      </c>
      <c r="Y9" s="13" t="s">
        <v>188</v>
      </c>
      <c r="Z9" s="13" t="s">
        <v>188</v>
      </c>
      <c r="AA9" s="13" t="s">
        <v>188</v>
      </c>
      <c r="AB9" s="13" t="s">
        <v>349</v>
      </c>
      <c r="AC9" s="13" t="s">
        <v>349</v>
      </c>
      <c r="AD9" s="13" t="s">
        <v>188</v>
      </c>
      <c r="AE9" s="13" t="s">
        <v>188</v>
      </c>
      <c r="AF9" s="13" t="s">
        <v>349</v>
      </c>
      <c r="AG9" s="13" t="s">
        <v>188</v>
      </c>
      <c r="AH9" s="13" t="s">
        <v>188</v>
      </c>
      <c r="AI9" s="13" t="s">
        <v>188</v>
      </c>
      <c r="AJ9" s="13" t="s">
        <v>188</v>
      </c>
      <c r="AK9" s="13" t="s">
        <v>188</v>
      </c>
      <c r="AL9" s="13" t="s">
        <v>188</v>
      </c>
      <c r="AM9" s="13" t="s">
        <v>188</v>
      </c>
      <c r="AN9" s="13" t="s">
        <v>188</v>
      </c>
      <c r="AO9" s="13" t="s">
        <v>188</v>
      </c>
      <c r="AP9" s="13" t="s">
        <v>188</v>
      </c>
      <c r="AQ9" s="13" t="s">
        <v>188</v>
      </c>
      <c r="AR9" s="13" t="s">
        <v>188</v>
      </c>
      <c r="AS9" s="13" t="s">
        <v>349</v>
      </c>
      <c r="AT9" s="13" t="s">
        <v>188</v>
      </c>
      <c r="AU9" s="13" t="s">
        <v>188</v>
      </c>
      <c r="AV9" s="13" t="s">
        <v>188</v>
      </c>
      <c r="AW9" s="13" t="s">
        <v>349</v>
      </c>
      <c r="AX9" s="13" t="s">
        <v>188</v>
      </c>
      <c r="AY9" s="13" t="s">
        <v>188</v>
      </c>
      <c r="AZ9" s="13" t="s">
        <v>188</v>
      </c>
      <c r="BA9" s="13" t="s">
        <v>188</v>
      </c>
      <c r="BB9" s="13" t="s">
        <v>188</v>
      </c>
      <c r="BC9" s="13" t="s">
        <v>188</v>
      </c>
      <c r="BD9" s="13" t="s">
        <v>188</v>
      </c>
      <c r="BE9" s="13" t="s">
        <v>188</v>
      </c>
      <c r="BF9" s="13" t="s">
        <v>349</v>
      </c>
      <c r="BG9" s="13" t="s">
        <v>188</v>
      </c>
      <c r="BH9" s="13" t="s">
        <v>349</v>
      </c>
      <c r="BI9" s="13" t="s">
        <v>349</v>
      </c>
      <c r="BJ9" s="13" t="s">
        <v>188</v>
      </c>
      <c r="BK9" s="13" t="s">
        <v>188</v>
      </c>
      <c r="BL9" s="13" t="s">
        <v>188</v>
      </c>
      <c r="BM9" s="13" t="s">
        <v>188</v>
      </c>
      <c r="BN9" s="13" t="s">
        <v>188</v>
      </c>
      <c r="BO9" s="13" t="s">
        <v>188</v>
      </c>
      <c r="BP9" s="13" t="s">
        <v>188</v>
      </c>
      <c r="BQ9" s="13" t="s">
        <v>188</v>
      </c>
      <c r="BR9" s="13" t="s">
        <v>349</v>
      </c>
      <c r="BS9" s="13" t="s">
        <v>188</v>
      </c>
      <c r="BT9" s="13" t="s">
        <v>188</v>
      </c>
      <c r="BU9" s="13" t="s">
        <v>349</v>
      </c>
      <c r="BV9" s="13" t="s">
        <v>188</v>
      </c>
      <c r="BW9" s="13" t="s">
        <v>188</v>
      </c>
      <c r="BX9" s="13" t="s">
        <v>188</v>
      </c>
      <c r="BY9" s="13" t="s">
        <v>349</v>
      </c>
      <c r="BZ9" s="13" t="s">
        <v>188</v>
      </c>
      <c r="CA9" s="13" t="s">
        <v>188</v>
      </c>
      <c r="CB9" s="13" t="s">
        <v>188</v>
      </c>
      <c r="CC9" s="13" t="s">
        <v>349</v>
      </c>
      <c r="CD9" s="13" t="s">
        <v>188</v>
      </c>
      <c r="CE9" s="13" t="s">
        <v>188</v>
      </c>
      <c r="CF9" s="13" t="s">
        <v>349</v>
      </c>
      <c r="CG9" s="13" t="s">
        <v>188</v>
      </c>
      <c r="CH9" s="13" t="s">
        <v>188</v>
      </c>
      <c r="CI9" s="13" t="s">
        <v>349</v>
      </c>
      <c r="CJ9" s="13" t="s">
        <v>188</v>
      </c>
      <c r="CK9" s="13" t="s">
        <v>188</v>
      </c>
      <c r="CL9" s="13" t="s">
        <v>188</v>
      </c>
      <c r="CM9" s="13" t="s">
        <v>188</v>
      </c>
      <c r="CN9" s="13" t="s">
        <v>349</v>
      </c>
      <c r="CO9" s="13" t="s">
        <v>188</v>
      </c>
      <c r="CP9" s="13" t="s">
        <v>188</v>
      </c>
      <c r="CQ9" s="13" t="s">
        <v>349</v>
      </c>
      <c r="CR9" s="13" t="s">
        <v>349</v>
      </c>
      <c r="CS9" s="13" t="s">
        <v>188</v>
      </c>
      <c r="CT9" s="13" t="s">
        <v>188</v>
      </c>
      <c r="CU9" s="13" t="s">
        <v>188</v>
      </c>
      <c r="CV9" s="13" t="s">
        <v>188</v>
      </c>
      <c r="CW9" s="13" t="s">
        <v>188</v>
      </c>
      <c r="CX9" s="13" t="s">
        <v>349</v>
      </c>
      <c r="CY9" s="13" t="s">
        <v>349</v>
      </c>
      <c r="CZ9" s="13" t="s">
        <v>188</v>
      </c>
      <c r="DA9" s="13" t="s">
        <v>349</v>
      </c>
      <c r="DB9" s="13" t="s">
        <v>188</v>
      </c>
      <c r="DC9" s="13" t="s">
        <v>349</v>
      </c>
      <c r="DD9" s="13" t="s">
        <v>188</v>
      </c>
      <c r="DE9" s="13" t="s">
        <v>188</v>
      </c>
      <c r="DF9" s="13" t="s">
        <v>188</v>
      </c>
      <c r="DG9" s="13" t="s">
        <v>349</v>
      </c>
      <c r="DH9" s="13" t="s">
        <v>349</v>
      </c>
      <c r="DI9" s="13" t="s">
        <v>188</v>
      </c>
      <c r="DJ9" s="13" t="s">
        <v>189</v>
      </c>
      <c r="DK9" s="13" t="s">
        <v>350</v>
      </c>
    </row>
    <row r="10" spans="1:115" ht="13.5" x14ac:dyDescent="0.15">
      <c r="A10" s="14" t="s">
        <v>10</v>
      </c>
      <c r="B10" s="14" t="s">
        <v>6</v>
      </c>
      <c r="C10" s="14" t="s">
        <v>190</v>
      </c>
      <c r="D10" s="14" t="s">
        <v>351</v>
      </c>
      <c r="E10" s="14" t="s">
        <v>2</v>
      </c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5"/>
      <c r="V10" s="15"/>
      <c r="W10" s="15"/>
      <c r="X10" s="15"/>
      <c r="Y10" s="15"/>
      <c r="Z10" s="15"/>
      <c r="AA10" s="15"/>
      <c r="AB10" s="15"/>
      <c r="AC10" s="15"/>
      <c r="AD10" s="15"/>
      <c r="AE10" s="15"/>
      <c r="AF10" s="15"/>
      <c r="AG10" s="15"/>
      <c r="AH10" s="15"/>
      <c r="AI10" s="15"/>
      <c r="AJ10" s="15"/>
      <c r="AK10" s="15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5"/>
      <c r="AX10" s="15"/>
      <c r="AY10" s="15"/>
      <c r="AZ10" s="15"/>
      <c r="BA10" s="15"/>
      <c r="BB10" s="15"/>
      <c r="BC10" s="15"/>
      <c r="BD10" s="15"/>
      <c r="BE10" s="15"/>
      <c r="BF10" s="15"/>
      <c r="BG10" s="15"/>
      <c r="BH10" s="15"/>
      <c r="BI10" s="15"/>
      <c r="BJ10" s="15"/>
      <c r="BK10" s="15"/>
      <c r="BL10" s="15"/>
      <c r="BM10" s="15"/>
      <c r="BN10" s="15"/>
      <c r="BO10" s="15"/>
      <c r="BP10" s="15"/>
      <c r="BQ10" s="15"/>
      <c r="BR10" s="15"/>
      <c r="BS10" s="15"/>
      <c r="BT10" s="15"/>
      <c r="BU10" s="15"/>
      <c r="BV10" s="15"/>
      <c r="BW10" s="15"/>
      <c r="BX10" s="15"/>
      <c r="BY10" s="15"/>
      <c r="BZ10" s="15"/>
      <c r="CA10" s="15"/>
      <c r="CB10" s="15"/>
      <c r="CC10" s="15"/>
      <c r="CD10" s="15"/>
      <c r="CE10" s="15"/>
      <c r="CF10" s="15"/>
      <c r="CG10" s="15"/>
      <c r="CH10" s="15"/>
      <c r="CI10" s="15"/>
      <c r="CJ10" s="15"/>
      <c r="CK10" s="15"/>
      <c r="CL10" s="15"/>
      <c r="CM10" s="15"/>
      <c r="CN10" s="15"/>
      <c r="CO10" s="15"/>
      <c r="CP10" s="15"/>
      <c r="CQ10" s="15"/>
      <c r="CR10" s="15"/>
      <c r="CS10" s="15"/>
      <c r="CT10" s="15"/>
      <c r="CU10" s="15"/>
      <c r="CV10" s="15"/>
      <c r="CW10" s="15"/>
      <c r="CX10" s="15"/>
      <c r="CY10" s="15"/>
      <c r="CZ10" s="15"/>
      <c r="DA10" s="15"/>
      <c r="DB10" s="15"/>
      <c r="DC10" s="15"/>
      <c r="DD10" s="15"/>
      <c r="DE10" s="15"/>
      <c r="DF10" s="15"/>
      <c r="DG10" s="15"/>
      <c r="DH10" s="15"/>
      <c r="DI10" s="15"/>
      <c r="DJ10" s="15"/>
      <c r="DK10" s="15"/>
    </row>
    <row r="11" spans="1:115" x14ac:dyDescent="0.15">
      <c r="A11" s="18" t="s">
        <v>9</v>
      </c>
      <c r="B11" s="18" t="s">
        <v>3</v>
      </c>
      <c r="C11" s="18" t="s">
        <v>193</v>
      </c>
      <c r="D11" s="18" t="s">
        <v>192</v>
      </c>
      <c r="E11" s="18" t="s">
        <v>153</v>
      </c>
      <c r="F11" s="16">
        <v>418686</v>
      </c>
      <c r="G11" s="16">
        <v>3086</v>
      </c>
      <c r="H11" s="16">
        <v>3123</v>
      </c>
      <c r="I11" s="16">
        <v>3215</v>
      </c>
      <c r="J11" s="16">
        <v>3296</v>
      </c>
      <c r="K11" s="16">
        <v>3372</v>
      </c>
      <c r="L11" s="16">
        <v>3406</v>
      </c>
      <c r="M11" s="16">
        <v>3421</v>
      </c>
      <c r="N11" s="16">
        <v>3613</v>
      </c>
      <c r="O11" s="16">
        <v>3497</v>
      </c>
      <c r="P11" s="16">
        <v>3584</v>
      </c>
      <c r="Q11" s="16">
        <v>3600</v>
      </c>
      <c r="R11" s="16">
        <v>3825</v>
      </c>
      <c r="S11" s="16">
        <v>3758</v>
      </c>
      <c r="T11" s="16">
        <v>4015</v>
      </c>
      <c r="U11" s="16">
        <v>3952</v>
      </c>
      <c r="V11" s="16">
        <v>4023</v>
      </c>
      <c r="W11" s="16">
        <v>3997</v>
      </c>
      <c r="X11" s="16">
        <v>4053</v>
      </c>
      <c r="Y11" s="16">
        <v>3843</v>
      </c>
      <c r="Z11" s="16">
        <v>3719</v>
      </c>
      <c r="AA11" s="16">
        <v>3840</v>
      </c>
      <c r="AB11" s="16">
        <v>3732</v>
      </c>
      <c r="AC11" s="16">
        <v>3722</v>
      </c>
      <c r="AD11" s="16">
        <v>3794</v>
      </c>
      <c r="AE11" s="16">
        <v>3725</v>
      </c>
      <c r="AF11" s="16">
        <v>3850</v>
      </c>
      <c r="AG11" s="16">
        <v>3915</v>
      </c>
      <c r="AH11" s="16">
        <v>3981</v>
      </c>
      <c r="AI11" s="16">
        <v>4090</v>
      </c>
      <c r="AJ11" s="16">
        <v>4285</v>
      </c>
      <c r="AK11" s="16">
        <v>4394</v>
      </c>
      <c r="AL11" s="16">
        <v>4526</v>
      </c>
      <c r="AM11" s="16">
        <v>4516</v>
      </c>
      <c r="AN11" s="16">
        <v>4731</v>
      </c>
      <c r="AO11" s="16">
        <v>4683</v>
      </c>
      <c r="AP11" s="16">
        <v>4944</v>
      </c>
      <c r="AQ11" s="16">
        <v>5175</v>
      </c>
      <c r="AR11" s="16">
        <v>5573</v>
      </c>
      <c r="AS11" s="16">
        <v>5705</v>
      </c>
      <c r="AT11" s="16">
        <v>6040</v>
      </c>
      <c r="AU11" s="16">
        <v>6547</v>
      </c>
      <c r="AV11" s="16">
        <v>6859</v>
      </c>
      <c r="AW11" s="16">
        <v>6929</v>
      </c>
      <c r="AX11" s="16">
        <v>6934</v>
      </c>
      <c r="AY11" s="16">
        <v>6478</v>
      </c>
      <c r="AZ11" s="16">
        <v>6077</v>
      </c>
      <c r="BA11" s="16">
        <v>6064</v>
      </c>
      <c r="BB11" s="16">
        <v>5770</v>
      </c>
      <c r="BC11" s="16">
        <v>5721</v>
      </c>
      <c r="BD11" s="16">
        <v>4399</v>
      </c>
      <c r="BE11" s="16">
        <v>5456</v>
      </c>
      <c r="BF11" s="16">
        <v>5097</v>
      </c>
      <c r="BG11" s="16">
        <v>5169</v>
      </c>
      <c r="BH11" s="16">
        <v>4601</v>
      </c>
      <c r="BI11" s="16">
        <v>4864</v>
      </c>
      <c r="BJ11" s="16">
        <v>4876</v>
      </c>
      <c r="BK11" s="16">
        <v>4863</v>
      </c>
      <c r="BL11" s="16">
        <v>4725</v>
      </c>
      <c r="BM11" s="16">
        <v>4603</v>
      </c>
      <c r="BN11" s="16">
        <v>4802</v>
      </c>
      <c r="BO11" s="16">
        <v>5333</v>
      </c>
      <c r="BP11" s="16">
        <v>5193</v>
      </c>
      <c r="BQ11" s="16">
        <v>5646</v>
      </c>
      <c r="BR11" s="16">
        <v>5698</v>
      </c>
      <c r="BS11" s="16">
        <v>5939</v>
      </c>
      <c r="BT11" s="16">
        <v>6838</v>
      </c>
      <c r="BU11" s="16">
        <v>7534</v>
      </c>
      <c r="BV11" s="16">
        <v>7634</v>
      </c>
      <c r="BW11" s="16">
        <v>8141</v>
      </c>
      <c r="BX11" s="16">
        <v>4151</v>
      </c>
      <c r="BY11" s="16">
        <v>4558</v>
      </c>
      <c r="BZ11" s="16">
        <v>5903</v>
      </c>
      <c r="CA11" s="16">
        <v>5404</v>
      </c>
      <c r="CB11" s="16">
        <v>5826</v>
      </c>
      <c r="CC11" s="16">
        <v>5228</v>
      </c>
      <c r="CD11" s="16">
        <v>4668</v>
      </c>
      <c r="CE11" s="16">
        <v>3855</v>
      </c>
      <c r="CF11" s="16">
        <v>4074</v>
      </c>
      <c r="CG11" s="16">
        <v>4174</v>
      </c>
      <c r="CH11" s="16">
        <v>4422</v>
      </c>
      <c r="CI11" s="16">
        <v>3643</v>
      </c>
      <c r="CJ11" s="16">
        <v>3746</v>
      </c>
      <c r="CK11" s="16">
        <v>3690</v>
      </c>
      <c r="CL11" s="16">
        <v>3380</v>
      </c>
      <c r="CM11" s="16">
        <v>3138</v>
      </c>
      <c r="CN11" s="16">
        <v>2680</v>
      </c>
      <c r="CO11" s="16">
        <v>2647</v>
      </c>
      <c r="CP11" s="16">
        <v>2291</v>
      </c>
      <c r="CQ11" s="16">
        <v>2055</v>
      </c>
      <c r="CR11" s="16">
        <v>1842</v>
      </c>
      <c r="CS11" s="16">
        <v>1541</v>
      </c>
      <c r="CT11" s="16">
        <v>1263</v>
      </c>
      <c r="CU11" s="16">
        <v>931</v>
      </c>
      <c r="CV11" s="16">
        <v>833</v>
      </c>
      <c r="CW11" s="16">
        <v>666</v>
      </c>
      <c r="CX11" s="16">
        <v>528</v>
      </c>
      <c r="CY11" s="16">
        <v>336</v>
      </c>
      <c r="CZ11" s="16">
        <v>227</v>
      </c>
      <c r="DA11" s="16">
        <v>183</v>
      </c>
      <c r="DB11" s="16">
        <v>152</v>
      </c>
      <c r="DC11" s="16">
        <v>242</v>
      </c>
      <c r="DD11" s="16">
        <v>52763</v>
      </c>
      <c r="DE11" s="16">
        <v>247499</v>
      </c>
      <c r="DF11" s="16">
        <v>118424</v>
      </c>
      <c r="DG11" s="16">
        <v>57207</v>
      </c>
      <c r="DH11" s="16">
        <v>18417</v>
      </c>
      <c r="DI11" s="16">
        <v>262162</v>
      </c>
      <c r="DJ11" s="17">
        <v>47.073129999999999</v>
      </c>
      <c r="DK11" s="17">
        <v>47.318199999999997</v>
      </c>
    </row>
    <row r="12" spans="1:115" x14ac:dyDescent="0.15">
      <c r="A12" s="18" t="s">
        <v>9</v>
      </c>
      <c r="B12" s="18" t="s">
        <v>5</v>
      </c>
      <c r="C12" s="18" t="s">
        <v>193</v>
      </c>
      <c r="D12" s="18" t="s">
        <v>352</v>
      </c>
      <c r="E12" s="18" t="s">
        <v>153</v>
      </c>
      <c r="F12" s="16">
        <v>203427</v>
      </c>
      <c r="G12" s="16">
        <v>1596</v>
      </c>
      <c r="H12" s="16">
        <v>1578</v>
      </c>
      <c r="I12" s="16">
        <v>1643</v>
      </c>
      <c r="J12" s="16">
        <v>1680</v>
      </c>
      <c r="K12" s="16">
        <v>1736</v>
      </c>
      <c r="L12" s="16">
        <v>1755</v>
      </c>
      <c r="M12" s="16">
        <v>1767</v>
      </c>
      <c r="N12" s="16">
        <v>1831</v>
      </c>
      <c r="O12" s="16">
        <v>1781</v>
      </c>
      <c r="P12" s="16">
        <v>1836</v>
      </c>
      <c r="Q12" s="16">
        <v>1883</v>
      </c>
      <c r="R12" s="16">
        <v>1933</v>
      </c>
      <c r="S12" s="16">
        <v>1916</v>
      </c>
      <c r="T12" s="16">
        <v>2071</v>
      </c>
      <c r="U12" s="16">
        <v>2056</v>
      </c>
      <c r="V12" s="16">
        <v>2126</v>
      </c>
      <c r="W12" s="16">
        <v>2031</v>
      </c>
      <c r="X12" s="16">
        <v>2101</v>
      </c>
      <c r="Y12" s="16">
        <v>2005</v>
      </c>
      <c r="Z12" s="16">
        <v>1967</v>
      </c>
      <c r="AA12" s="16">
        <v>2108</v>
      </c>
      <c r="AB12" s="16">
        <v>1936</v>
      </c>
      <c r="AC12" s="16">
        <v>1959</v>
      </c>
      <c r="AD12" s="16">
        <v>1969</v>
      </c>
      <c r="AE12" s="16">
        <v>1965</v>
      </c>
      <c r="AF12" s="16">
        <v>2027</v>
      </c>
      <c r="AG12" s="16">
        <v>2042</v>
      </c>
      <c r="AH12" s="16">
        <v>2100</v>
      </c>
      <c r="AI12" s="16">
        <v>2096</v>
      </c>
      <c r="AJ12" s="16">
        <v>2227</v>
      </c>
      <c r="AK12" s="16">
        <v>2232</v>
      </c>
      <c r="AL12" s="16">
        <v>2351</v>
      </c>
      <c r="AM12" s="16">
        <v>2385</v>
      </c>
      <c r="AN12" s="16">
        <v>2428</v>
      </c>
      <c r="AO12" s="16">
        <v>2376</v>
      </c>
      <c r="AP12" s="16">
        <v>2528</v>
      </c>
      <c r="AQ12" s="16">
        <v>2646</v>
      </c>
      <c r="AR12" s="16">
        <v>2942</v>
      </c>
      <c r="AS12" s="16">
        <v>2914</v>
      </c>
      <c r="AT12" s="16">
        <v>3122</v>
      </c>
      <c r="AU12" s="16">
        <v>3303</v>
      </c>
      <c r="AV12" s="16">
        <v>3499</v>
      </c>
      <c r="AW12" s="16">
        <v>3531</v>
      </c>
      <c r="AX12" s="16">
        <v>3567</v>
      </c>
      <c r="AY12" s="16">
        <v>3275</v>
      </c>
      <c r="AZ12" s="16">
        <v>3161</v>
      </c>
      <c r="BA12" s="16">
        <v>3182</v>
      </c>
      <c r="BB12" s="16">
        <v>2917</v>
      </c>
      <c r="BC12" s="16">
        <v>2867</v>
      </c>
      <c r="BD12" s="16">
        <v>2200</v>
      </c>
      <c r="BE12" s="16">
        <v>2700</v>
      </c>
      <c r="BF12" s="16">
        <v>2576</v>
      </c>
      <c r="BG12" s="16">
        <v>2625</v>
      </c>
      <c r="BH12" s="16">
        <v>2341</v>
      </c>
      <c r="BI12" s="16">
        <v>2354</v>
      </c>
      <c r="BJ12" s="16">
        <v>2432</v>
      </c>
      <c r="BK12" s="16">
        <v>2388</v>
      </c>
      <c r="BL12" s="16">
        <v>2330</v>
      </c>
      <c r="BM12" s="16">
        <v>2282</v>
      </c>
      <c r="BN12" s="16">
        <v>2347</v>
      </c>
      <c r="BO12" s="16">
        <v>2619</v>
      </c>
      <c r="BP12" s="16">
        <v>2592</v>
      </c>
      <c r="BQ12" s="16">
        <v>2739</v>
      </c>
      <c r="BR12" s="16">
        <v>2815</v>
      </c>
      <c r="BS12" s="16">
        <v>2858</v>
      </c>
      <c r="BT12" s="16">
        <v>3298</v>
      </c>
      <c r="BU12" s="16">
        <v>3694</v>
      </c>
      <c r="BV12" s="16">
        <v>3672</v>
      </c>
      <c r="BW12" s="16">
        <v>3856</v>
      </c>
      <c r="BX12" s="16">
        <v>1969</v>
      </c>
      <c r="BY12" s="16">
        <v>2141</v>
      </c>
      <c r="BZ12" s="16">
        <v>2699</v>
      </c>
      <c r="CA12" s="16">
        <v>2489</v>
      </c>
      <c r="CB12" s="16">
        <v>2666</v>
      </c>
      <c r="CC12" s="16">
        <v>2392</v>
      </c>
      <c r="CD12" s="16">
        <v>2125</v>
      </c>
      <c r="CE12" s="16">
        <v>1743</v>
      </c>
      <c r="CF12" s="16">
        <v>1790</v>
      </c>
      <c r="CG12" s="16">
        <v>1790</v>
      </c>
      <c r="CH12" s="16">
        <v>1825</v>
      </c>
      <c r="CI12" s="16">
        <v>1527</v>
      </c>
      <c r="CJ12" s="16">
        <v>1488</v>
      </c>
      <c r="CK12" s="16">
        <v>1394</v>
      </c>
      <c r="CL12" s="16">
        <v>1219</v>
      </c>
      <c r="CM12" s="16">
        <v>1166</v>
      </c>
      <c r="CN12" s="16">
        <v>963</v>
      </c>
      <c r="CO12" s="16">
        <v>866</v>
      </c>
      <c r="CP12" s="16">
        <v>768</v>
      </c>
      <c r="CQ12" s="16">
        <v>660</v>
      </c>
      <c r="CR12" s="16">
        <v>555</v>
      </c>
      <c r="CS12" s="16">
        <v>410</v>
      </c>
      <c r="CT12" s="16">
        <v>340</v>
      </c>
      <c r="CU12" s="16">
        <v>209</v>
      </c>
      <c r="CV12" s="16">
        <v>160</v>
      </c>
      <c r="CW12" s="16">
        <v>128</v>
      </c>
      <c r="CX12" s="16">
        <v>105</v>
      </c>
      <c r="CY12" s="16">
        <v>52</v>
      </c>
      <c r="CZ12" s="16">
        <v>39</v>
      </c>
      <c r="DA12" s="16">
        <v>35</v>
      </c>
      <c r="DB12" s="16">
        <v>16</v>
      </c>
      <c r="DC12" s="16">
        <v>33</v>
      </c>
      <c r="DD12" s="16">
        <v>27062</v>
      </c>
      <c r="DE12" s="16">
        <v>126083</v>
      </c>
      <c r="DF12" s="16">
        <v>50282</v>
      </c>
      <c r="DG12" s="16">
        <v>21406</v>
      </c>
      <c r="DH12" s="16">
        <v>5339</v>
      </c>
      <c r="DI12" s="16">
        <v>132342</v>
      </c>
      <c r="DJ12" s="17">
        <v>45.112169999999999</v>
      </c>
      <c r="DK12" s="17">
        <v>45.28266</v>
      </c>
    </row>
    <row r="13" spans="1:115" x14ac:dyDescent="0.15">
      <c r="A13" s="18" t="s">
        <v>9</v>
      </c>
      <c r="B13" s="18" t="s">
        <v>4</v>
      </c>
      <c r="C13" s="18" t="s">
        <v>193</v>
      </c>
      <c r="D13" s="18" t="s">
        <v>192</v>
      </c>
      <c r="E13" s="18" t="s">
        <v>153</v>
      </c>
      <c r="F13" s="16">
        <v>215259</v>
      </c>
      <c r="G13" s="16">
        <v>1490</v>
      </c>
      <c r="H13" s="16">
        <v>1545</v>
      </c>
      <c r="I13" s="16">
        <v>1572</v>
      </c>
      <c r="J13" s="16">
        <v>1616</v>
      </c>
      <c r="K13" s="16">
        <v>1636</v>
      </c>
      <c r="L13" s="16">
        <v>1651</v>
      </c>
      <c r="M13" s="16">
        <v>1654</v>
      </c>
      <c r="N13" s="16">
        <v>1782</v>
      </c>
      <c r="O13" s="16">
        <v>1716</v>
      </c>
      <c r="P13" s="16">
        <v>1748</v>
      </c>
      <c r="Q13" s="16">
        <v>1717</v>
      </c>
      <c r="R13" s="16">
        <v>1892</v>
      </c>
      <c r="S13" s="16">
        <v>1842</v>
      </c>
      <c r="T13" s="16">
        <v>1944</v>
      </c>
      <c r="U13" s="16">
        <v>1896</v>
      </c>
      <c r="V13" s="16">
        <v>1897</v>
      </c>
      <c r="W13" s="16">
        <v>1966</v>
      </c>
      <c r="X13" s="16">
        <v>1952</v>
      </c>
      <c r="Y13" s="16">
        <v>1838</v>
      </c>
      <c r="Z13" s="16">
        <v>1752</v>
      </c>
      <c r="AA13" s="16">
        <v>1732</v>
      </c>
      <c r="AB13" s="16">
        <v>1796</v>
      </c>
      <c r="AC13" s="16">
        <v>1763</v>
      </c>
      <c r="AD13" s="16">
        <v>1825</v>
      </c>
      <c r="AE13" s="16">
        <v>1760</v>
      </c>
      <c r="AF13" s="16">
        <v>1823</v>
      </c>
      <c r="AG13" s="16">
        <v>1873</v>
      </c>
      <c r="AH13" s="16">
        <v>1881</v>
      </c>
      <c r="AI13" s="16">
        <v>1994</v>
      </c>
      <c r="AJ13" s="16">
        <v>2058</v>
      </c>
      <c r="AK13" s="16">
        <v>2162</v>
      </c>
      <c r="AL13" s="16">
        <v>2175</v>
      </c>
      <c r="AM13" s="16">
        <v>2131</v>
      </c>
      <c r="AN13" s="16">
        <v>2303</v>
      </c>
      <c r="AO13" s="16">
        <v>2307</v>
      </c>
      <c r="AP13" s="16">
        <v>2416</v>
      </c>
      <c r="AQ13" s="16">
        <v>2529</v>
      </c>
      <c r="AR13" s="16">
        <v>2631</v>
      </c>
      <c r="AS13" s="16">
        <v>2791</v>
      </c>
      <c r="AT13" s="16">
        <v>2918</v>
      </c>
      <c r="AU13" s="16">
        <v>3244</v>
      </c>
      <c r="AV13" s="16">
        <v>3360</v>
      </c>
      <c r="AW13" s="16">
        <v>3398</v>
      </c>
      <c r="AX13" s="16">
        <v>3367</v>
      </c>
      <c r="AY13" s="16">
        <v>3203</v>
      </c>
      <c r="AZ13" s="16">
        <v>2916</v>
      </c>
      <c r="BA13" s="16">
        <v>2882</v>
      </c>
      <c r="BB13" s="16">
        <v>2853</v>
      </c>
      <c r="BC13" s="16">
        <v>2854</v>
      </c>
      <c r="BD13" s="16">
        <v>2199</v>
      </c>
      <c r="BE13" s="16">
        <v>2756</v>
      </c>
      <c r="BF13" s="16">
        <v>2521</v>
      </c>
      <c r="BG13" s="16">
        <v>2544</v>
      </c>
      <c r="BH13" s="16">
        <v>2260</v>
      </c>
      <c r="BI13" s="16">
        <v>2510</v>
      </c>
      <c r="BJ13" s="16">
        <v>2444</v>
      </c>
      <c r="BK13" s="16">
        <v>2475</v>
      </c>
      <c r="BL13" s="16">
        <v>2395</v>
      </c>
      <c r="BM13" s="16">
        <v>2321</v>
      </c>
      <c r="BN13" s="16">
        <v>2455</v>
      </c>
      <c r="BO13" s="16">
        <v>2714</v>
      </c>
      <c r="BP13" s="16">
        <v>2601</v>
      </c>
      <c r="BQ13" s="16">
        <v>2907</v>
      </c>
      <c r="BR13" s="16">
        <v>2883</v>
      </c>
      <c r="BS13" s="16">
        <v>3081</v>
      </c>
      <c r="BT13" s="16">
        <v>3540</v>
      </c>
      <c r="BU13" s="16">
        <v>3840</v>
      </c>
      <c r="BV13" s="16">
        <v>3962</v>
      </c>
      <c r="BW13" s="16">
        <v>4285</v>
      </c>
      <c r="BX13" s="16">
        <v>2182</v>
      </c>
      <c r="BY13" s="16">
        <v>2417</v>
      </c>
      <c r="BZ13" s="16">
        <v>3204</v>
      </c>
      <c r="CA13" s="16">
        <v>2915</v>
      </c>
      <c r="CB13" s="16">
        <v>3160</v>
      </c>
      <c r="CC13" s="16">
        <v>2836</v>
      </c>
      <c r="CD13" s="16">
        <v>2543</v>
      </c>
      <c r="CE13" s="16">
        <v>2112</v>
      </c>
      <c r="CF13" s="16">
        <v>2284</v>
      </c>
      <c r="CG13" s="16">
        <v>2384</v>
      </c>
      <c r="CH13" s="16">
        <v>2597</v>
      </c>
      <c r="CI13" s="16">
        <v>2116</v>
      </c>
      <c r="CJ13" s="16">
        <v>2258</v>
      </c>
      <c r="CK13" s="16">
        <v>2296</v>
      </c>
      <c r="CL13" s="16">
        <v>2161</v>
      </c>
      <c r="CM13" s="16">
        <v>1972</v>
      </c>
      <c r="CN13" s="16">
        <v>1717</v>
      </c>
      <c r="CO13" s="16">
        <v>1781</v>
      </c>
      <c r="CP13" s="16">
        <v>1523</v>
      </c>
      <c r="CQ13" s="16">
        <v>1395</v>
      </c>
      <c r="CR13" s="16">
        <v>1287</v>
      </c>
      <c r="CS13" s="16">
        <v>1131</v>
      </c>
      <c r="CT13" s="16">
        <v>923</v>
      </c>
      <c r="CU13" s="16">
        <v>722</v>
      </c>
      <c r="CV13" s="16">
        <v>673</v>
      </c>
      <c r="CW13" s="16">
        <v>538</v>
      </c>
      <c r="CX13" s="16">
        <v>423</v>
      </c>
      <c r="CY13" s="16">
        <v>284</v>
      </c>
      <c r="CZ13" s="16">
        <v>188</v>
      </c>
      <c r="DA13" s="16">
        <v>148</v>
      </c>
      <c r="DB13" s="16">
        <v>136</v>
      </c>
      <c r="DC13" s="16">
        <v>209</v>
      </c>
      <c r="DD13" s="16">
        <v>25701</v>
      </c>
      <c r="DE13" s="16">
        <v>121416</v>
      </c>
      <c r="DF13" s="16">
        <v>68142</v>
      </c>
      <c r="DG13" s="16">
        <v>35801</v>
      </c>
      <c r="DH13" s="16">
        <v>13078</v>
      </c>
      <c r="DI13" s="16">
        <v>129820</v>
      </c>
      <c r="DJ13" s="17">
        <v>48.926310000000001</v>
      </c>
      <c r="DK13" s="17">
        <v>49.717829999999999</v>
      </c>
    </row>
    <row r="14" spans="1:115" x14ac:dyDescent="0.15">
      <c r="A14" s="18" t="s">
        <v>8</v>
      </c>
      <c r="B14" s="18" t="s">
        <v>3</v>
      </c>
      <c r="C14" s="18" t="s">
        <v>193</v>
      </c>
      <c r="D14" s="18" t="s">
        <v>192</v>
      </c>
      <c r="E14" s="18" t="s">
        <v>153</v>
      </c>
      <c r="F14" s="16">
        <v>414403</v>
      </c>
      <c r="G14" s="16">
        <v>3058</v>
      </c>
      <c r="H14" s="16">
        <v>3095</v>
      </c>
      <c r="I14" s="16">
        <v>3178</v>
      </c>
      <c r="J14" s="16">
        <v>3268</v>
      </c>
      <c r="K14" s="16">
        <v>3339</v>
      </c>
      <c r="L14" s="16">
        <v>3383</v>
      </c>
      <c r="M14" s="16">
        <v>3401</v>
      </c>
      <c r="N14" s="16">
        <v>3591</v>
      </c>
      <c r="O14" s="16">
        <v>3475</v>
      </c>
      <c r="P14" s="16">
        <v>3562</v>
      </c>
      <c r="Q14" s="16">
        <v>3585</v>
      </c>
      <c r="R14" s="16">
        <v>3806</v>
      </c>
      <c r="S14" s="16">
        <v>3741</v>
      </c>
      <c r="T14" s="16">
        <v>4001</v>
      </c>
      <c r="U14" s="16">
        <v>3929</v>
      </c>
      <c r="V14" s="16">
        <v>4004</v>
      </c>
      <c r="W14" s="16">
        <v>3986</v>
      </c>
      <c r="X14" s="16">
        <v>4035</v>
      </c>
      <c r="Y14" s="16">
        <v>3818</v>
      </c>
      <c r="Z14" s="16">
        <v>3654</v>
      </c>
      <c r="AA14" s="16">
        <v>3750</v>
      </c>
      <c r="AB14" s="16">
        <v>3633</v>
      </c>
      <c r="AC14" s="16">
        <v>3606</v>
      </c>
      <c r="AD14" s="16">
        <v>3656</v>
      </c>
      <c r="AE14" s="16">
        <v>3580</v>
      </c>
      <c r="AF14" s="16">
        <v>3701</v>
      </c>
      <c r="AG14" s="16">
        <v>3774</v>
      </c>
      <c r="AH14" s="16">
        <v>3849</v>
      </c>
      <c r="AI14" s="16">
        <v>3971</v>
      </c>
      <c r="AJ14" s="16">
        <v>4169</v>
      </c>
      <c r="AK14" s="16">
        <v>4273</v>
      </c>
      <c r="AL14" s="16">
        <v>4400</v>
      </c>
      <c r="AM14" s="16">
        <v>4406</v>
      </c>
      <c r="AN14" s="16">
        <v>4617</v>
      </c>
      <c r="AO14" s="16">
        <v>4568</v>
      </c>
      <c r="AP14" s="16">
        <v>4846</v>
      </c>
      <c r="AQ14" s="16">
        <v>5086</v>
      </c>
      <c r="AR14" s="16">
        <v>5494</v>
      </c>
      <c r="AS14" s="16">
        <v>5632</v>
      </c>
      <c r="AT14" s="16">
        <v>5967</v>
      </c>
      <c r="AU14" s="16">
        <v>6470</v>
      </c>
      <c r="AV14" s="16">
        <v>6771</v>
      </c>
      <c r="AW14" s="16">
        <v>6840</v>
      </c>
      <c r="AX14" s="16">
        <v>6856</v>
      </c>
      <c r="AY14" s="16">
        <v>6393</v>
      </c>
      <c r="AZ14" s="16">
        <v>6004</v>
      </c>
      <c r="BA14" s="16">
        <v>5972</v>
      </c>
      <c r="BB14" s="16">
        <v>5696</v>
      </c>
      <c r="BC14" s="16">
        <v>5645</v>
      </c>
      <c r="BD14" s="16">
        <v>4337</v>
      </c>
      <c r="BE14" s="16">
        <v>5409</v>
      </c>
      <c r="BF14" s="16">
        <v>5031</v>
      </c>
      <c r="BG14" s="16">
        <v>5115</v>
      </c>
      <c r="BH14" s="16">
        <v>4559</v>
      </c>
      <c r="BI14" s="16">
        <v>4820</v>
      </c>
      <c r="BJ14" s="16">
        <v>4843</v>
      </c>
      <c r="BK14" s="16">
        <v>4838</v>
      </c>
      <c r="BL14" s="16">
        <v>4694</v>
      </c>
      <c r="BM14" s="16">
        <v>4569</v>
      </c>
      <c r="BN14" s="16">
        <v>4784</v>
      </c>
      <c r="BO14" s="16">
        <v>5307</v>
      </c>
      <c r="BP14" s="16">
        <v>5170</v>
      </c>
      <c r="BQ14" s="16">
        <v>5629</v>
      </c>
      <c r="BR14" s="16">
        <v>5675</v>
      </c>
      <c r="BS14" s="16">
        <v>5909</v>
      </c>
      <c r="BT14" s="16">
        <v>6819</v>
      </c>
      <c r="BU14" s="16">
        <v>7514</v>
      </c>
      <c r="BV14" s="16">
        <v>7612</v>
      </c>
      <c r="BW14" s="16">
        <v>8124</v>
      </c>
      <c r="BX14" s="16">
        <v>4142</v>
      </c>
      <c r="BY14" s="16">
        <v>4544</v>
      </c>
      <c r="BZ14" s="16">
        <v>5889</v>
      </c>
      <c r="CA14" s="16">
        <v>5392</v>
      </c>
      <c r="CB14" s="16">
        <v>5817</v>
      </c>
      <c r="CC14" s="16">
        <v>5214</v>
      </c>
      <c r="CD14" s="16">
        <v>4661</v>
      </c>
      <c r="CE14" s="16">
        <v>3846</v>
      </c>
      <c r="CF14" s="16">
        <v>4068</v>
      </c>
      <c r="CG14" s="16">
        <v>4165</v>
      </c>
      <c r="CH14" s="16">
        <v>4413</v>
      </c>
      <c r="CI14" s="16">
        <v>3637</v>
      </c>
      <c r="CJ14" s="16">
        <v>3740</v>
      </c>
      <c r="CK14" s="16">
        <v>3682</v>
      </c>
      <c r="CL14" s="16">
        <v>3374</v>
      </c>
      <c r="CM14" s="16">
        <v>3133</v>
      </c>
      <c r="CN14" s="16">
        <v>2679</v>
      </c>
      <c r="CO14" s="16">
        <v>2642</v>
      </c>
      <c r="CP14" s="16">
        <v>2290</v>
      </c>
      <c r="CQ14" s="16">
        <v>2055</v>
      </c>
      <c r="CR14" s="16">
        <v>1839</v>
      </c>
      <c r="CS14" s="16">
        <v>1541</v>
      </c>
      <c r="CT14" s="16">
        <v>1258</v>
      </c>
      <c r="CU14" s="16">
        <v>930</v>
      </c>
      <c r="CV14" s="16">
        <v>830</v>
      </c>
      <c r="CW14" s="16">
        <v>665</v>
      </c>
      <c r="CX14" s="16">
        <v>528</v>
      </c>
      <c r="CY14" s="16">
        <v>335</v>
      </c>
      <c r="CZ14" s="16">
        <v>226</v>
      </c>
      <c r="DA14" s="16">
        <v>183</v>
      </c>
      <c r="DB14" s="16">
        <v>152</v>
      </c>
      <c r="DC14" s="16">
        <v>241</v>
      </c>
      <c r="DD14" s="16">
        <v>52412</v>
      </c>
      <c r="DE14" s="16">
        <v>243811</v>
      </c>
      <c r="DF14" s="16">
        <v>118180</v>
      </c>
      <c r="DG14" s="16">
        <v>57113</v>
      </c>
      <c r="DH14" s="16">
        <v>18394</v>
      </c>
      <c r="DI14" s="16">
        <v>258525</v>
      </c>
      <c r="DJ14" s="17">
        <v>47.190069999999999</v>
      </c>
      <c r="DK14" s="17">
        <v>47.528179999999999</v>
      </c>
    </row>
    <row r="15" spans="1:115" x14ac:dyDescent="0.15">
      <c r="A15" s="18" t="s">
        <v>8</v>
      </c>
      <c r="B15" s="18" t="s">
        <v>5</v>
      </c>
      <c r="C15" s="18" t="s">
        <v>353</v>
      </c>
      <c r="D15" s="18" t="s">
        <v>192</v>
      </c>
      <c r="E15" s="18" t="s">
        <v>153</v>
      </c>
      <c r="F15" s="16">
        <v>201575</v>
      </c>
      <c r="G15" s="16">
        <v>1581</v>
      </c>
      <c r="H15" s="16">
        <v>1559</v>
      </c>
      <c r="I15" s="16">
        <v>1623</v>
      </c>
      <c r="J15" s="16">
        <v>1661</v>
      </c>
      <c r="K15" s="16">
        <v>1719</v>
      </c>
      <c r="L15" s="16">
        <v>1745</v>
      </c>
      <c r="M15" s="16">
        <v>1758</v>
      </c>
      <c r="N15" s="16">
        <v>1819</v>
      </c>
      <c r="O15" s="16">
        <v>1774</v>
      </c>
      <c r="P15" s="16">
        <v>1824</v>
      </c>
      <c r="Q15" s="16">
        <v>1875</v>
      </c>
      <c r="R15" s="16">
        <v>1920</v>
      </c>
      <c r="S15" s="16">
        <v>1908</v>
      </c>
      <c r="T15" s="16">
        <v>2064</v>
      </c>
      <c r="U15" s="16">
        <v>2045</v>
      </c>
      <c r="V15" s="16">
        <v>2115</v>
      </c>
      <c r="W15" s="16">
        <v>2025</v>
      </c>
      <c r="X15" s="16">
        <v>2090</v>
      </c>
      <c r="Y15" s="16">
        <v>1994</v>
      </c>
      <c r="Z15" s="16">
        <v>1938</v>
      </c>
      <c r="AA15" s="16">
        <v>2053</v>
      </c>
      <c r="AB15" s="16">
        <v>1888</v>
      </c>
      <c r="AC15" s="16">
        <v>1891</v>
      </c>
      <c r="AD15" s="16">
        <v>1889</v>
      </c>
      <c r="AE15" s="16">
        <v>1880</v>
      </c>
      <c r="AF15" s="16">
        <v>1950</v>
      </c>
      <c r="AG15" s="16">
        <v>1964</v>
      </c>
      <c r="AH15" s="16">
        <v>2027</v>
      </c>
      <c r="AI15" s="16">
        <v>2025</v>
      </c>
      <c r="AJ15" s="16">
        <v>2172</v>
      </c>
      <c r="AK15" s="16">
        <v>2182</v>
      </c>
      <c r="AL15" s="16">
        <v>2299</v>
      </c>
      <c r="AM15" s="16">
        <v>2333</v>
      </c>
      <c r="AN15" s="16">
        <v>2382</v>
      </c>
      <c r="AO15" s="16">
        <v>2337</v>
      </c>
      <c r="AP15" s="16">
        <v>2488</v>
      </c>
      <c r="AQ15" s="16">
        <v>2616</v>
      </c>
      <c r="AR15" s="16">
        <v>2918</v>
      </c>
      <c r="AS15" s="16">
        <v>2885</v>
      </c>
      <c r="AT15" s="16">
        <v>3106</v>
      </c>
      <c r="AU15" s="16">
        <v>3282</v>
      </c>
      <c r="AV15" s="16">
        <v>3469</v>
      </c>
      <c r="AW15" s="16">
        <v>3504</v>
      </c>
      <c r="AX15" s="16">
        <v>3539</v>
      </c>
      <c r="AY15" s="16">
        <v>3253</v>
      </c>
      <c r="AZ15" s="16">
        <v>3140</v>
      </c>
      <c r="BA15" s="16">
        <v>3160</v>
      </c>
      <c r="BB15" s="16">
        <v>2893</v>
      </c>
      <c r="BC15" s="16">
        <v>2851</v>
      </c>
      <c r="BD15" s="16">
        <v>2185</v>
      </c>
      <c r="BE15" s="16">
        <v>2684</v>
      </c>
      <c r="BF15" s="16">
        <v>2558</v>
      </c>
      <c r="BG15" s="16">
        <v>2607</v>
      </c>
      <c r="BH15" s="16">
        <v>2323</v>
      </c>
      <c r="BI15" s="16">
        <v>2340</v>
      </c>
      <c r="BJ15" s="16">
        <v>2421</v>
      </c>
      <c r="BK15" s="16">
        <v>2382</v>
      </c>
      <c r="BL15" s="16">
        <v>2316</v>
      </c>
      <c r="BM15" s="16">
        <v>2269</v>
      </c>
      <c r="BN15" s="16">
        <v>2340</v>
      </c>
      <c r="BO15" s="16">
        <v>2606</v>
      </c>
      <c r="BP15" s="16">
        <v>2579</v>
      </c>
      <c r="BQ15" s="16">
        <v>2727</v>
      </c>
      <c r="BR15" s="16">
        <v>2808</v>
      </c>
      <c r="BS15" s="16">
        <v>2841</v>
      </c>
      <c r="BT15" s="16">
        <v>3288</v>
      </c>
      <c r="BU15" s="16">
        <v>3683</v>
      </c>
      <c r="BV15" s="16">
        <v>3660</v>
      </c>
      <c r="BW15" s="16">
        <v>3849</v>
      </c>
      <c r="BX15" s="16">
        <v>1964</v>
      </c>
      <c r="BY15" s="16">
        <v>2132</v>
      </c>
      <c r="BZ15" s="16">
        <v>2694</v>
      </c>
      <c r="CA15" s="16">
        <v>2483</v>
      </c>
      <c r="CB15" s="16">
        <v>2663</v>
      </c>
      <c r="CC15" s="16">
        <v>2382</v>
      </c>
      <c r="CD15" s="16">
        <v>2125</v>
      </c>
      <c r="CE15" s="16">
        <v>1739</v>
      </c>
      <c r="CF15" s="16">
        <v>1787</v>
      </c>
      <c r="CG15" s="16">
        <v>1786</v>
      </c>
      <c r="CH15" s="16">
        <v>1823</v>
      </c>
      <c r="CI15" s="16">
        <v>1526</v>
      </c>
      <c r="CJ15" s="16">
        <v>1486</v>
      </c>
      <c r="CK15" s="16">
        <v>1392</v>
      </c>
      <c r="CL15" s="16">
        <v>1218</v>
      </c>
      <c r="CM15" s="16">
        <v>1164</v>
      </c>
      <c r="CN15" s="16">
        <v>962</v>
      </c>
      <c r="CO15" s="16">
        <v>864</v>
      </c>
      <c r="CP15" s="16">
        <v>768</v>
      </c>
      <c r="CQ15" s="16">
        <v>660</v>
      </c>
      <c r="CR15" s="16">
        <v>553</v>
      </c>
      <c r="CS15" s="16">
        <v>410</v>
      </c>
      <c r="CT15" s="16">
        <v>339</v>
      </c>
      <c r="CU15" s="16">
        <v>209</v>
      </c>
      <c r="CV15" s="16">
        <v>159</v>
      </c>
      <c r="CW15" s="16">
        <v>128</v>
      </c>
      <c r="CX15" s="16">
        <v>105</v>
      </c>
      <c r="CY15" s="16">
        <v>52</v>
      </c>
      <c r="CZ15" s="16">
        <v>39</v>
      </c>
      <c r="DA15" s="16">
        <v>35</v>
      </c>
      <c r="DB15" s="16">
        <v>16</v>
      </c>
      <c r="DC15" s="16">
        <v>33</v>
      </c>
      <c r="DD15" s="16">
        <v>26875</v>
      </c>
      <c r="DE15" s="16">
        <v>124524</v>
      </c>
      <c r="DF15" s="16">
        <v>50176</v>
      </c>
      <c r="DG15" s="16">
        <v>21378</v>
      </c>
      <c r="DH15" s="16">
        <v>5332</v>
      </c>
      <c r="DI15" s="16">
        <v>130806</v>
      </c>
      <c r="DJ15" s="17">
        <v>45.22072</v>
      </c>
      <c r="DK15" s="17">
        <v>45.451749999999997</v>
      </c>
    </row>
    <row r="16" spans="1:115" x14ac:dyDescent="0.15">
      <c r="A16" s="18" t="s">
        <v>8</v>
      </c>
      <c r="B16" s="18" t="s">
        <v>4</v>
      </c>
      <c r="C16" s="18" t="s">
        <v>353</v>
      </c>
      <c r="D16" s="18" t="s">
        <v>192</v>
      </c>
      <c r="E16" s="18" t="s">
        <v>153</v>
      </c>
      <c r="F16" s="16">
        <v>212828</v>
      </c>
      <c r="G16" s="16">
        <v>1477</v>
      </c>
      <c r="H16" s="16">
        <v>1536</v>
      </c>
      <c r="I16" s="16">
        <v>1555</v>
      </c>
      <c r="J16" s="16">
        <v>1607</v>
      </c>
      <c r="K16" s="16">
        <v>1620</v>
      </c>
      <c r="L16" s="16">
        <v>1638</v>
      </c>
      <c r="M16" s="16">
        <v>1643</v>
      </c>
      <c r="N16" s="16">
        <v>1772</v>
      </c>
      <c r="O16" s="16">
        <v>1701</v>
      </c>
      <c r="P16" s="16">
        <v>1738</v>
      </c>
      <c r="Q16" s="16">
        <v>1710</v>
      </c>
      <c r="R16" s="16">
        <v>1886</v>
      </c>
      <c r="S16" s="16">
        <v>1833</v>
      </c>
      <c r="T16" s="16">
        <v>1937</v>
      </c>
      <c r="U16" s="16">
        <v>1884</v>
      </c>
      <c r="V16" s="16">
        <v>1889</v>
      </c>
      <c r="W16" s="16">
        <v>1961</v>
      </c>
      <c r="X16" s="16">
        <v>1945</v>
      </c>
      <c r="Y16" s="16">
        <v>1824</v>
      </c>
      <c r="Z16" s="16">
        <v>1716</v>
      </c>
      <c r="AA16" s="16">
        <v>1697</v>
      </c>
      <c r="AB16" s="16">
        <v>1745</v>
      </c>
      <c r="AC16" s="16">
        <v>1715</v>
      </c>
      <c r="AD16" s="16">
        <v>1767</v>
      </c>
      <c r="AE16" s="16">
        <v>1700</v>
      </c>
      <c r="AF16" s="16">
        <v>1751</v>
      </c>
      <c r="AG16" s="16">
        <v>1810</v>
      </c>
      <c r="AH16" s="16">
        <v>1822</v>
      </c>
      <c r="AI16" s="16">
        <v>1946</v>
      </c>
      <c r="AJ16" s="16">
        <v>1997</v>
      </c>
      <c r="AK16" s="16">
        <v>2091</v>
      </c>
      <c r="AL16" s="16">
        <v>2101</v>
      </c>
      <c r="AM16" s="16">
        <v>2073</v>
      </c>
      <c r="AN16" s="16">
        <v>2235</v>
      </c>
      <c r="AO16" s="16">
        <v>2231</v>
      </c>
      <c r="AP16" s="16">
        <v>2358</v>
      </c>
      <c r="AQ16" s="16">
        <v>2470</v>
      </c>
      <c r="AR16" s="16">
        <v>2576</v>
      </c>
      <c r="AS16" s="16">
        <v>2747</v>
      </c>
      <c r="AT16" s="16">
        <v>2861</v>
      </c>
      <c r="AU16" s="16">
        <v>3188</v>
      </c>
      <c r="AV16" s="16">
        <v>3302</v>
      </c>
      <c r="AW16" s="16">
        <v>3336</v>
      </c>
      <c r="AX16" s="16">
        <v>3317</v>
      </c>
      <c r="AY16" s="16">
        <v>3140</v>
      </c>
      <c r="AZ16" s="16">
        <v>2864</v>
      </c>
      <c r="BA16" s="16">
        <v>2812</v>
      </c>
      <c r="BB16" s="16">
        <v>2803</v>
      </c>
      <c r="BC16" s="16">
        <v>2794</v>
      </c>
      <c r="BD16" s="16">
        <v>2152</v>
      </c>
      <c r="BE16" s="16">
        <v>2725</v>
      </c>
      <c r="BF16" s="16">
        <v>2473</v>
      </c>
      <c r="BG16" s="16">
        <v>2508</v>
      </c>
      <c r="BH16" s="16">
        <v>2236</v>
      </c>
      <c r="BI16" s="16">
        <v>2480</v>
      </c>
      <c r="BJ16" s="16">
        <v>2422</v>
      </c>
      <c r="BK16" s="16">
        <v>2456</v>
      </c>
      <c r="BL16" s="16">
        <v>2378</v>
      </c>
      <c r="BM16" s="16">
        <v>2300</v>
      </c>
      <c r="BN16" s="16">
        <v>2444</v>
      </c>
      <c r="BO16" s="16">
        <v>2701</v>
      </c>
      <c r="BP16" s="16">
        <v>2591</v>
      </c>
      <c r="BQ16" s="16">
        <v>2902</v>
      </c>
      <c r="BR16" s="16">
        <v>2867</v>
      </c>
      <c r="BS16" s="16">
        <v>3068</v>
      </c>
      <c r="BT16" s="16">
        <v>3531</v>
      </c>
      <c r="BU16" s="16">
        <v>3831</v>
      </c>
      <c r="BV16" s="16">
        <v>3952</v>
      </c>
      <c r="BW16" s="16">
        <v>4275</v>
      </c>
      <c r="BX16" s="16">
        <v>2178</v>
      </c>
      <c r="BY16" s="16">
        <v>2412</v>
      </c>
      <c r="BZ16" s="16">
        <v>3195</v>
      </c>
      <c r="CA16" s="16">
        <v>2909</v>
      </c>
      <c r="CB16" s="16">
        <v>3154</v>
      </c>
      <c r="CC16" s="16">
        <v>2832</v>
      </c>
      <c r="CD16" s="16">
        <v>2536</v>
      </c>
      <c r="CE16" s="16">
        <v>2107</v>
      </c>
      <c r="CF16" s="16">
        <v>2281</v>
      </c>
      <c r="CG16" s="16">
        <v>2379</v>
      </c>
      <c r="CH16" s="16">
        <v>2590</v>
      </c>
      <c r="CI16" s="16">
        <v>2111</v>
      </c>
      <c r="CJ16" s="16">
        <v>2254</v>
      </c>
      <c r="CK16" s="16">
        <v>2290</v>
      </c>
      <c r="CL16" s="16">
        <v>2156</v>
      </c>
      <c r="CM16" s="16">
        <v>1969</v>
      </c>
      <c r="CN16" s="16">
        <v>1717</v>
      </c>
      <c r="CO16" s="16">
        <v>1778</v>
      </c>
      <c r="CP16" s="16">
        <v>1522</v>
      </c>
      <c r="CQ16" s="16">
        <v>1395</v>
      </c>
      <c r="CR16" s="16">
        <v>1286</v>
      </c>
      <c r="CS16" s="16">
        <v>1131</v>
      </c>
      <c r="CT16" s="16">
        <v>919</v>
      </c>
      <c r="CU16" s="16">
        <v>721</v>
      </c>
      <c r="CV16" s="16">
        <v>671</v>
      </c>
      <c r="CW16" s="16">
        <v>537</v>
      </c>
      <c r="CX16" s="16">
        <v>423</v>
      </c>
      <c r="CY16" s="16">
        <v>283</v>
      </c>
      <c r="CZ16" s="16">
        <v>187</v>
      </c>
      <c r="DA16" s="16">
        <v>148</v>
      </c>
      <c r="DB16" s="16">
        <v>136</v>
      </c>
      <c r="DC16" s="16">
        <v>208</v>
      </c>
      <c r="DD16" s="16">
        <v>25537</v>
      </c>
      <c r="DE16" s="16">
        <v>119287</v>
      </c>
      <c r="DF16" s="16">
        <v>68004</v>
      </c>
      <c r="DG16" s="16">
        <v>35735</v>
      </c>
      <c r="DH16" s="16">
        <v>13062</v>
      </c>
      <c r="DI16" s="16">
        <v>127719</v>
      </c>
      <c r="DJ16" s="17">
        <v>49.055289999999999</v>
      </c>
      <c r="DK16" s="17">
        <v>50.051740000000002</v>
      </c>
    </row>
  </sheetData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4</vt:i4>
      </vt:variant>
      <vt:variant>
        <vt:lpstr>名前付き一覧</vt:lpstr>
      </vt:variant>
      <vt:variant>
        <vt:i4>2</vt:i4>
      </vt:variant>
    </vt:vector>
  </HeadingPairs>
  <TitlesOfParts>
    <vt:vector size="16" baseType="lpstr">
      <vt:lpstr>R2不詳補完値目次</vt:lpstr>
      <vt:lpstr>R2第１－３表</vt:lpstr>
      <vt:lpstr>R2第1－4表</vt:lpstr>
      <vt:lpstr>R２第２－１表</vt:lpstr>
      <vt:lpstr>R2第２－２表</vt:lpstr>
      <vt:lpstr>R2第２－３表</vt:lpstr>
      <vt:lpstr>R2第2－4表</vt:lpstr>
      <vt:lpstr>H27不詳補完値目次</vt:lpstr>
      <vt:lpstr>H27第１－３表</vt:lpstr>
      <vt:lpstr>H27第1－4表</vt:lpstr>
      <vt:lpstr>H27第2－1表</vt:lpstr>
      <vt:lpstr>H27第2－2表</vt:lpstr>
      <vt:lpstr>H27第２－3表</vt:lpstr>
      <vt:lpstr>H27第２－4表</vt:lpstr>
      <vt:lpstr>H27不詳補完値目次!Print_Area</vt:lpstr>
      <vt:lpstr>'R2不詳補完値目次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cp:lastPrinted>2021-12-13T05:32:54Z</cp:lastPrinted>
  <dcterms:created xsi:type="dcterms:W3CDTF">2021-12-13T00:21:51Z</dcterms:created>
  <dcterms:modified xsi:type="dcterms:W3CDTF">2022-05-11T08:18:30Z</dcterms:modified>
</cp:coreProperties>
</file>